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slideLayouts/slideLayout5.xml" ContentType="application/vnd.openxmlformats-officedocument.presentationml.slideLayout+xml"/>
  <Override PartName="/ppt/theme/theme3.xml" ContentType="application/vnd.openxmlformats-officedocument.theme+xml"/>
  <Override PartName="/ppt/slideLayouts/slideLayout6.xml" ContentType="application/vnd.openxmlformats-officedocument.presentationml.slideLayout+xml"/>
  <Override PartName="/ppt/theme/theme4.xml" ContentType="application/vnd.openxmlformats-officedocument.theme+xml"/>
  <Override PartName="/ppt/slideLayouts/slideLayout7.xml" ContentType="application/vnd.openxmlformats-officedocument.presentationml.slideLayout+xml"/>
  <Override PartName="/ppt/theme/theme5.xml" ContentType="application/vnd.openxmlformats-officedocument.theme+xml"/>
  <Override PartName="/ppt/slideLayouts/slideLayout8.xml" ContentType="application/vnd.openxmlformats-officedocument.presentationml.slideLayout+xml"/>
  <Override PartName="/ppt/theme/theme6.xml" ContentType="application/vnd.openxmlformats-officedocument.theme+xml"/>
  <Override PartName="/ppt/slideLayouts/slideLayout9.xml" ContentType="application/vnd.openxmlformats-officedocument.presentationml.slideLayout+xml"/>
  <Override PartName="/ppt/theme/theme7.xml" ContentType="application/vnd.openxmlformats-officedocument.theme+xml"/>
  <Override PartName="/ppt/slideLayouts/slideLayout10.xml" ContentType="application/vnd.openxmlformats-officedocument.presentationml.slideLayout+xml"/>
  <Override PartName="/ppt/theme/theme8.xml" ContentType="application/vnd.openxmlformats-officedocument.theme+xml"/>
  <Override PartName="/ppt/slideLayouts/slideLayout11.xml" ContentType="application/vnd.openxmlformats-officedocument.presentationml.slideLayout+xml"/>
  <Override PartName="/ppt/theme/theme9.xml" ContentType="application/vnd.openxmlformats-officedocument.theme+xml"/>
  <Override PartName="/ppt/slideLayouts/slideLayout12.xml" ContentType="application/vnd.openxmlformats-officedocument.presentationml.slideLayout+xml"/>
  <Override PartName="/ppt/theme/theme10.xml" ContentType="application/vnd.openxmlformats-officedocument.theme+xml"/>
  <Override PartName="/ppt/theme/theme11.xml" ContentType="application/vnd.openxmlformats-officedocument.theme+xml"/>
  <Override PartName="/ppt/theme/theme1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  <Override PartName="/ppt/changesInfos/changesInfo1.xml" ContentType="application/vnd.ms-powerpoint.changes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4"/>
    <p:sldMasterId id="2147483662" r:id="rId5"/>
    <p:sldMasterId id="2147483664" r:id="rId6"/>
    <p:sldMasterId id="2147483666" r:id="rId7"/>
    <p:sldMasterId id="2147483674" r:id="rId8"/>
    <p:sldMasterId id="2147483668" r:id="rId9"/>
    <p:sldMasterId id="2147483670" r:id="rId10"/>
    <p:sldMasterId id="2147483672" r:id="rId11"/>
    <p:sldMasterId id="2147483676" r:id="rId12"/>
    <p:sldMasterId id="2147483678" r:id="rId13"/>
  </p:sldMasterIdLst>
  <p:notesMasterIdLst>
    <p:notesMasterId r:id="rId32"/>
  </p:notesMasterIdLst>
  <p:handoutMasterIdLst>
    <p:handoutMasterId r:id="rId33"/>
  </p:handoutMasterIdLst>
  <p:sldIdLst>
    <p:sldId id="256" r:id="rId14"/>
    <p:sldId id="319" r:id="rId15"/>
    <p:sldId id="370" r:id="rId16"/>
    <p:sldId id="383" r:id="rId17"/>
    <p:sldId id="366" r:id="rId18"/>
    <p:sldId id="376" r:id="rId19"/>
    <p:sldId id="377" r:id="rId20"/>
    <p:sldId id="378" r:id="rId21"/>
    <p:sldId id="379" r:id="rId22"/>
    <p:sldId id="380" r:id="rId23"/>
    <p:sldId id="381" r:id="rId24"/>
    <p:sldId id="382" r:id="rId25"/>
    <p:sldId id="375" r:id="rId26"/>
    <p:sldId id="373" r:id="rId27"/>
    <p:sldId id="355" r:id="rId28"/>
    <p:sldId id="356" r:id="rId29"/>
    <p:sldId id="347" r:id="rId30"/>
    <p:sldId id="325" r:id="rId31"/>
  </p:sldIdLst>
  <p:sldSz cx="18288000" cy="10288588"/>
  <p:notesSz cx="6858000" cy="9144000"/>
  <p:defaultTextStyle>
    <a:defPPr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9FCFF"/>
    <a:srgbClr val="8AACCA"/>
    <a:srgbClr val="369FD4"/>
    <a:srgbClr val="00B0F0"/>
    <a:srgbClr val="1A497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B015580-E60B-4BC9-BCFB-20CBDA90A76F}" v="43" dt="2022-04-13T15:20:08.60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11"/>
    <p:restoredTop sz="95400" autoAdjust="0"/>
  </p:normalViewPr>
  <p:slideViewPr>
    <p:cSldViewPr snapToGrid="0">
      <p:cViewPr varScale="1">
        <p:scale>
          <a:sx n="51" d="100"/>
          <a:sy n="51" d="100"/>
        </p:scale>
        <p:origin x="29" y="245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10.xml"/><Relationship Id="rId18" Type="http://schemas.openxmlformats.org/officeDocument/2006/relationships/slide" Target="slides/slide5.xml"/><Relationship Id="rId26" Type="http://schemas.openxmlformats.org/officeDocument/2006/relationships/slide" Target="slides/slide13.xml"/><Relationship Id="rId39" Type="http://schemas.microsoft.com/office/2016/11/relationships/changesInfo" Target="changesInfos/changesInfo1.xml"/><Relationship Id="rId21" Type="http://schemas.openxmlformats.org/officeDocument/2006/relationships/slide" Target="slides/slide8.xml"/><Relationship Id="rId34" Type="http://schemas.openxmlformats.org/officeDocument/2006/relationships/presProps" Target="presProps.xml"/><Relationship Id="rId7" Type="http://schemas.openxmlformats.org/officeDocument/2006/relationships/slideMaster" Target="slideMasters/slideMaster4.xml"/><Relationship Id="rId12" Type="http://schemas.openxmlformats.org/officeDocument/2006/relationships/slideMaster" Target="slideMasters/slideMaster9.xml"/><Relationship Id="rId17" Type="http://schemas.openxmlformats.org/officeDocument/2006/relationships/slide" Target="slides/slide4.xml"/><Relationship Id="rId25" Type="http://schemas.openxmlformats.org/officeDocument/2006/relationships/slide" Target="slides/slide12.xml"/><Relationship Id="rId33" Type="http://schemas.openxmlformats.org/officeDocument/2006/relationships/handoutMaster" Target="handoutMasters/handoutMaster1.xml"/><Relationship Id="rId38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slide" Target="slides/slide7.xml"/><Relationship Id="rId29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Master" Target="slideMasters/slideMaster8.xml"/><Relationship Id="rId24" Type="http://schemas.openxmlformats.org/officeDocument/2006/relationships/slide" Target="slides/slide11.xml"/><Relationship Id="rId32" Type="http://schemas.openxmlformats.org/officeDocument/2006/relationships/notesMaster" Target="notesMasters/notesMaster1.xml"/><Relationship Id="rId37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2.xml"/><Relationship Id="rId23" Type="http://schemas.openxmlformats.org/officeDocument/2006/relationships/slide" Target="slides/slide10.xml"/><Relationship Id="rId28" Type="http://schemas.openxmlformats.org/officeDocument/2006/relationships/slide" Target="slides/slide15.xml"/><Relationship Id="rId36" Type="http://schemas.openxmlformats.org/officeDocument/2006/relationships/theme" Target="theme/theme1.xml"/><Relationship Id="rId10" Type="http://schemas.openxmlformats.org/officeDocument/2006/relationships/slideMaster" Target="slideMasters/slideMaster7.xml"/><Relationship Id="rId19" Type="http://schemas.openxmlformats.org/officeDocument/2006/relationships/slide" Target="slides/slide6.xml"/><Relationship Id="rId31" Type="http://schemas.openxmlformats.org/officeDocument/2006/relationships/slide" Target="slides/slide18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" Target="slides/slide1.xml"/><Relationship Id="rId22" Type="http://schemas.openxmlformats.org/officeDocument/2006/relationships/slide" Target="slides/slide9.xml"/><Relationship Id="rId27" Type="http://schemas.openxmlformats.org/officeDocument/2006/relationships/slide" Target="slides/slide14.xml"/><Relationship Id="rId30" Type="http://schemas.openxmlformats.org/officeDocument/2006/relationships/slide" Target="slides/slide17.xml"/><Relationship Id="rId35" Type="http://schemas.openxmlformats.org/officeDocument/2006/relationships/viewProps" Target="viewProps.xml"/><Relationship Id="rId8" Type="http://schemas.openxmlformats.org/officeDocument/2006/relationships/slideMaster" Target="slideMasters/slideMaster5.xml"/><Relationship Id="rId3" Type="http://schemas.openxmlformats.org/officeDocument/2006/relationships/customXml" Target="../customXml/item3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Jose Palomino" userId="206526be-19f3-44dd-b92d-d9565a95ed37" providerId="ADAL" clId="{EF57252C-9EAF-44F8-B46B-01B30D8E73C4}"/>
    <pc:docChg chg="undo custSel modSld">
      <pc:chgData name="Jose Palomino" userId="206526be-19f3-44dd-b92d-d9565a95ed37" providerId="ADAL" clId="{EF57252C-9EAF-44F8-B46B-01B30D8E73C4}" dt="2021-12-08T18:43:19.177" v="17" actId="20577"/>
      <pc:docMkLst>
        <pc:docMk/>
      </pc:docMkLst>
      <pc:sldChg chg="modSp mod">
        <pc:chgData name="Jose Palomino" userId="206526be-19f3-44dd-b92d-d9565a95ed37" providerId="ADAL" clId="{EF57252C-9EAF-44F8-B46B-01B30D8E73C4}" dt="2021-12-08T18:43:19.177" v="17" actId="20577"/>
        <pc:sldMkLst>
          <pc:docMk/>
          <pc:sldMk cId="1929714402" sldId="256"/>
        </pc:sldMkLst>
        <pc:spChg chg="mod">
          <ac:chgData name="Jose Palomino" userId="206526be-19f3-44dd-b92d-d9565a95ed37" providerId="ADAL" clId="{EF57252C-9EAF-44F8-B46B-01B30D8E73C4}" dt="2021-12-08T18:43:19.177" v="17" actId="20577"/>
          <ac:spMkLst>
            <pc:docMk/>
            <pc:sldMk cId="1929714402" sldId="256"/>
            <ac:spMk id="2" creationId="{9352A549-E604-43C6-ADA3-61F3EC69D54D}"/>
          </ac:spMkLst>
        </pc:spChg>
      </pc:sldChg>
    </pc:docChg>
  </pc:docChgLst>
  <pc:docChgLst>
    <pc:chgData name="Jose Palomino" userId="206526be-19f3-44dd-b92d-d9565a95ed37" providerId="ADAL" clId="{8A45D5A5-69D1-4AB8-9544-13B7F48B785B}"/>
    <pc:docChg chg="undo custSel addSld delSld modSld">
      <pc:chgData name="Jose Palomino" userId="206526be-19f3-44dd-b92d-d9565a95ed37" providerId="ADAL" clId="{8A45D5A5-69D1-4AB8-9544-13B7F48B785B}" dt="2021-12-14T00:36:07.001" v="45" actId="47"/>
      <pc:docMkLst>
        <pc:docMk/>
      </pc:docMkLst>
      <pc:sldChg chg="addSp delSp modSp del mod">
        <pc:chgData name="Jose Palomino" userId="206526be-19f3-44dd-b92d-d9565a95ed37" providerId="ADAL" clId="{8A45D5A5-69D1-4AB8-9544-13B7F48B785B}" dt="2021-12-14T00:36:07.001" v="45" actId="47"/>
        <pc:sldMkLst>
          <pc:docMk/>
          <pc:sldMk cId="2233052180" sldId="352"/>
        </pc:sldMkLst>
        <pc:graphicFrameChg chg="mod">
          <ac:chgData name="Jose Palomino" userId="206526be-19f3-44dd-b92d-d9565a95ed37" providerId="ADAL" clId="{8A45D5A5-69D1-4AB8-9544-13B7F48B785B}" dt="2021-12-13T19:43:49.099" v="44"/>
          <ac:graphicFrameMkLst>
            <pc:docMk/>
            <pc:sldMk cId="2233052180" sldId="352"/>
            <ac:graphicFrameMk id="2" creationId="{B6F8199B-E48F-4C09-B0EF-6514FCC206E3}"/>
          </ac:graphicFrameMkLst>
        </pc:graphicFrameChg>
        <pc:graphicFrameChg chg="del">
          <ac:chgData name="Jose Palomino" userId="206526be-19f3-44dd-b92d-d9565a95ed37" providerId="ADAL" clId="{8A45D5A5-69D1-4AB8-9544-13B7F48B785B}" dt="2021-12-13T19:38:32.015" v="1" actId="478"/>
          <ac:graphicFrameMkLst>
            <pc:docMk/>
            <pc:sldMk cId="2233052180" sldId="352"/>
            <ac:graphicFrameMk id="3" creationId="{00000000-0000-0000-0000-000000000000}"/>
          </ac:graphicFrameMkLst>
        </pc:graphicFrameChg>
        <pc:graphicFrameChg chg="add mod">
          <ac:chgData name="Jose Palomino" userId="206526be-19f3-44dd-b92d-d9565a95ed37" providerId="ADAL" clId="{8A45D5A5-69D1-4AB8-9544-13B7F48B785B}" dt="2021-12-13T19:40:48.681" v="8"/>
          <ac:graphicFrameMkLst>
            <pc:docMk/>
            <pc:sldMk cId="2233052180" sldId="352"/>
            <ac:graphicFrameMk id="6" creationId="{2FC4020C-D5E2-4592-B5E5-2CD55354CE07}"/>
          </ac:graphicFrameMkLst>
        </pc:graphicFrameChg>
      </pc:sldChg>
      <pc:sldChg chg="add">
        <pc:chgData name="Jose Palomino" userId="206526be-19f3-44dd-b92d-d9565a95ed37" providerId="ADAL" clId="{8A45D5A5-69D1-4AB8-9544-13B7F48B785B}" dt="2021-12-13T19:38:25.874" v="0"/>
        <pc:sldMkLst>
          <pc:docMk/>
          <pc:sldMk cId="30998579" sldId="357"/>
        </pc:sldMkLst>
      </pc:sldChg>
    </pc:docChg>
  </pc:docChgLst>
  <pc:docChgLst>
    <pc:chgData name="Jose Palomino" userId="206526be-19f3-44dd-b92d-d9565a95ed37" providerId="ADAL" clId="{B3561AB5-4482-42D4-A00E-8376D376F209}"/>
    <pc:docChg chg="custSel modSld">
      <pc:chgData name="Jose Palomino" userId="206526be-19f3-44dd-b92d-d9565a95ed37" providerId="ADAL" clId="{B3561AB5-4482-42D4-A00E-8376D376F209}" dt="2022-02-02T17:51:22.273" v="9" actId="20577"/>
      <pc:docMkLst>
        <pc:docMk/>
      </pc:docMkLst>
      <pc:sldChg chg="modSp mod">
        <pc:chgData name="Jose Palomino" userId="206526be-19f3-44dd-b92d-d9565a95ed37" providerId="ADAL" clId="{B3561AB5-4482-42D4-A00E-8376D376F209}" dt="2022-02-02T17:51:22.273" v="9" actId="20577"/>
        <pc:sldMkLst>
          <pc:docMk/>
          <pc:sldMk cId="3525927913" sldId="336"/>
        </pc:sldMkLst>
        <pc:spChg chg="mod">
          <ac:chgData name="Jose Palomino" userId="206526be-19f3-44dd-b92d-d9565a95ed37" providerId="ADAL" clId="{B3561AB5-4482-42D4-A00E-8376D376F209}" dt="2022-02-02T17:51:22.273" v="9" actId="20577"/>
          <ac:spMkLst>
            <pc:docMk/>
            <pc:sldMk cId="3525927913" sldId="336"/>
            <ac:spMk id="130" creationId="{9FA51D0D-72BE-41E3-996F-50E8E4C448CC}"/>
          </ac:spMkLst>
        </pc:spChg>
      </pc:sldChg>
      <pc:sldChg chg="delSp modSp mod">
        <pc:chgData name="Jose Palomino" userId="206526be-19f3-44dd-b92d-d9565a95ed37" providerId="ADAL" clId="{B3561AB5-4482-42D4-A00E-8376D376F209}" dt="2022-02-02T17:48:05.566" v="2" actId="478"/>
        <pc:sldMkLst>
          <pc:docMk/>
          <pc:sldMk cId="3871344331" sldId="356"/>
        </pc:sldMkLst>
        <pc:spChg chg="del">
          <ac:chgData name="Jose Palomino" userId="206526be-19f3-44dd-b92d-d9565a95ed37" providerId="ADAL" clId="{B3561AB5-4482-42D4-A00E-8376D376F209}" dt="2022-02-02T17:48:00.404" v="0" actId="478"/>
          <ac:spMkLst>
            <pc:docMk/>
            <pc:sldMk cId="3871344331" sldId="356"/>
            <ac:spMk id="94" creationId="{00000000-0000-0000-0000-000000000000}"/>
          </ac:spMkLst>
        </pc:spChg>
        <pc:spChg chg="del mod">
          <ac:chgData name="Jose Palomino" userId="206526be-19f3-44dd-b92d-d9565a95ed37" providerId="ADAL" clId="{B3561AB5-4482-42D4-A00E-8376D376F209}" dt="2022-02-02T17:48:05.566" v="2" actId="478"/>
          <ac:spMkLst>
            <pc:docMk/>
            <pc:sldMk cId="3871344331" sldId="356"/>
            <ac:spMk id="98" creationId="{00000000-0000-0000-0000-000000000000}"/>
          </ac:spMkLst>
        </pc:spChg>
      </pc:sldChg>
    </pc:docChg>
  </pc:docChgLst>
  <pc:docChgLst>
    <pc:chgData name="Jose Palomino" userId="206526be-19f3-44dd-b92d-d9565a95ed37" providerId="ADAL" clId="{749D1501-BDAD-459F-AD5F-6C9716BA0FB1}"/>
    <pc:docChg chg="undo custSel addSld delSld modSld">
      <pc:chgData name="Jose Palomino" userId="206526be-19f3-44dd-b92d-d9565a95ed37" providerId="ADAL" clId="{749D1501-BDAD-459F-AD5F-6C9716BA0FB1}" dt="2022-03-30T16:55:48.657" v="2851" actId="113"/>
      <pc:docMkLst>
        <pc:docMk/>
      </pc:docMkLst>
      <pc:sldChg chg="modSp mod">
        <pc:chgData name="Jose Palomino" userId="206526be-19f3-44dd-b92d-d9565a95ed37" providerId="ADAL" clId="{749D1501-BDAD-459F-AD5F-6C9716BA0FB1}" dt="2022-03-30T15:56:29.833" v="4" actId="6549"/>
        <pc:sldMkLst>
          <pc:docMk/>
          <pc:sldMk cId="1929714402" sldId="256"/>
        </pc:sldMkLst>
        <pc:spChg chg="mod">
          <ac:chgData name="Jose Palomino" userId="206526be-19f3-44dd-b92d-d9565a95ed37" providerId="ADAL" clId="{749D1501-BDAD-459F-AD5F-6C9716BA0FB1}" dt="2022-03-30T15:56:29.833" v="4" actId="6549"/>
          <ac:spMkLst>
            <pc:docMk/>
            <pc:sldMk cId="1929714402" sldId="256"/>
            <ac:spMk id="2" creationId="{9352A549-E604-43C6-ADA3-61F3EC69D54D}"/>
          </ac:spMkLst>
        </pc:spChg>
      </pc:sldChg>
      <pc:sldChg chg="addSp modSp mod">
        <pc:chgData name="Jose Palomino" userId="206526be-19f3-44dd-b92d-d9565a95ed37" providerId="ADAL" clId="{749D1501-BDAD-459F-AD5F-6C9716BA0FB1}" dt="2022-03-30T16:51:07.313" v="2570" actId="20577"/>
        <pc:sldMkLst>
          <pc:docMk/>
          <pc:sldMk cId="3535275093" sldId="319"/>
        </pc:sldMkLst>
        <pc:spChg chg="mod">
          <ac:chgData name="Jose Palomino" userId="206526be-19f3-44dd-b92d-d9565a95ed37" providerId="ADAL" clId="{749D1501-BDAD-459F-AD5F-6C9716BA0FB1}" dt="2022-03-30T16:49:46.195" v="2455" actId="20577"/>
          <ac:spMkLst>
            <pc:docMk/>
            <pc:sldMk cId="3535275093" sldId="319"/>
            <ac:spMk id="3" creationId="{16A94EE5-33CD-45DC-ADB8-167B960004DA}"/>
          </ac:spMkLst>
        </pc:spChg>
        <pc:spChg chg="mod">
          <ac:chgData name="Jose Palomino" userId="206526be-19f3-44dd-b92d-d9565a95ed37" providerId="ADAL" clId="{749D1501-BDAD-459F-AD5F-6C9716BA0FB1}" dt="2022-03-30T16:50:12.409" v="2509" actId="20577"/>
          <ac:spMkLst>
            <pc:docMk/>
            <pc:sldMk cId="3535275093" sldId="319"/>
            <ac:spMk id="4" creationId="{3B50F68B-564F-4AA9-8362-FF913FCE7268}"/>
          </ac:spMkLst>
        </pc:spChg>
        <pc:spChg chg="mod">
          <ac:chgData name="Jose Palomino" userId="206526be-19f3-44dd-b92d-d9565a95ed37" providerId="ADAL" clId="{749D1501-BDAD-459F-AD5F-6C9716BA0FB1}" dt="2022-03-30T16:50:36.756" v="2544" actId="6549"/>
          <ac:spMkLst>
            <pc:docMk/>
            <pc:sldMk cId="3535275093" sldId="319"/>
            <ac:spMk id="5" creationId="{6EF78644-B068-442D-B06A-7D5C2839B7DB}"/>
          </ac:spMkLst>
        </pc:spChg>
        <pc:spChg chg="mod">
          <ac:chgData name="Jose Palomino" userId="206526be-19f3-44dd-b92d-d9565a95ed37" providerId="ADAL" clId="{749D1501-BDAD-459F-AD5F-6C9716BA0FB1}" dt="2022-03-30T16:50:30.811" v="2531" actId="20577"/>
          <ac:spMkLst>
            <pc:docMk/>
            <pc:sldMk cId="3535275093" sldId="319"/>
            <ac:spMk id="6" creationId="{42256E06-986F-4276-9144-59497AE12D82}"/>
          </ac:spMkLst>
        </pc:spChg>
        <pc:spChg chg="mod">
          <ac:chgData name="Jose Palomino" userId="206526be-19f3-44dd-b92d-d9565a95ed37" providerId="ADAL" clId="{749D1501-BDAD-459F-AD5F-6C9716BA0FB1}" dt="2022-03-30T16:50:43.423" v="2564" actId="20577"/>
          <ac:spMkLst>
            <pc:docMk/>
            <pc:sldMk cId="3535275093" sldId="319"/>
            <ac:spMk id="9" creationId="{02D4D6C4-A1CD-4E6E-B1ED-7A71EA7F84AA}"/>
          </ac:spMkLst>
        </pc:spChg>
        <pc:spChg chg="add mod">
          <ac:chgData name="Jose Palomino" userId="206526be-19f3-44dd-b92d-d9565a95ed37" providerId="ADAL" clId="{749D1501-BDAD-459F-AD5F-6C9716BA0FB1}" dt="2022-03-30T16:51:07.313" v="2570" actId="20577"/>
          <ac:spMkLst>
            <pc:docMk/>
            <pc:sldMk cId="3535275093" sldId="319"/>
            <ac:spMk id="10" creationId="{3BBE7BB6-5E39-4768-980C-1ECD676BF5CE}"/>
          </ac:spMkLst>
        </pc:spChg>
      </pc:sldChg>
      <pc:sldChg chg="modSp mod">
        <pc:chgData name="Jose Palomino" userId="206526be-19f3-44dd-b92d-d9565a95ed37" providerId="ADAL" clId="{749D1501-BDAD-459F-AD5F-6C9716BA0FB1}" dt="2022-03-30T16:45:59.369" v="2154" actId="20577"/>
        <pc:sldMkLst>
          <pc:docMk/>
          <pc:sldMk cId="4223570417" sldId="355"/>
        </pc:sldMkLst>
        <pc:graphicFrameChg chg="modGraphic">
          <ac:chgData name="Jose Palomino" userId="206526be-19f3-44dd-b92d-d9565a95ed37" providerId="ADAL" clId="{749D1501-BDAD-459F-AD5F-6C9716BA0FB1}" dt="2022-03-30T16:45:59.369" v="2154" actId="20577"/>
          <ac:graphicFrameMkLst>
            <pc:docMk/>
            <pc:sldMk cId="4223570417" sldId="355"/>
            <ac:graphicFrameMk id="3" creationId="{7859C871-B5E5-4142-8742-9A5F3C4A8887}"/>
          </ac:graphicFrameMkLst>
        </pc:graphicFrameChg>
      </pc:sldChg>
      <pc:sldChg chg="addSp delSp modSp mod delAnim modAnim">
        <pc:chgData name="Jose Palomino" userId="206526be-19f3-44dd-b92d-d9565a95ed37" providerId="ADAL" clId="{749D1501-BDAD-459F-AD5F-6C9716BA0FB1}" dt="2022-03-30T16:49:20.153" v="2426" actId="14100"/>
        <pc:sldMkLst>
          <pc:docMk/>
          <pc:sldMk cId="3871344331" sldId="356"/>
        </pc:sldMkLst>
        <pc:spChg chg="del">
          <ac:chgData name="Jose Palomino" userId="206526be-19f3-44dd-b92d-d9565a95ed37" providerId="ADAL" clId="{749D1501-BDAD-459F-AD5F-6C9716BA0FB1}" dt="2022-03-30T16:48:01.924" v="2207" actId="478"/>
          <ac:spMkLst>
            <pc:docMk/>
            <pc:sldMk cId="3871344331" sldId="356"/>
            <ac:spMk id="3" creationId="{C85D59CE-FE47-4D19-99CD-1CDE6589AF80}"/>
          </ac:spMkLst>
        </pc:spChg>
        <pc:spChg chg="del mod">
          <ac:chgData name="Jose Palomino" userId="206526be-19f3-44dd-b92d-d9565a95ed37" providerId="ADAL" clId="{749D1501-BDAD-459F-AD5F-6C9716BA0FB1}" dt="2022-03-30T16:48:01.924" v="2207" actId="478"/>
          <ac:spMkLst>
            <pc:docMk/>
            <pc:sldMk cId="3871344331" sldId="356"/>
            <ac:spMk id="4" creationId="{E2617DC5-47E9-49A6-9662-D313D76B4537}"/>
          </ac:spMkLst>
        </pc:spChg>
        <pc:spChg chg="add mod">
          <ac:chgData name="Jose Palomino" userId="206526be-19f3-44dd-b92d-d9565a95ed37" providerId="ADAL" clId="{749D1501-BDAD-459F-AD5F-6C9716BA0FB1}" dt="2022-03-30T16:49:20.153" v="2426" actId="14100"/>
          <ac:spMkLst>
            <pc:docMk/>
            <pc:sldMk cId="3871344331" sldId="356"/>
            <ac:spMk id="11" creationId="{4C3AAFE1-B918-4E18-838C-B73E2A0724D1}"/>
          </ac:spMkLst>
        </pc:spChg>
        <pc:spChg chg="add mod">
          <ac:chgData name="Jose Palomino" userId="206526be-19f3-44dd-b92d-d9565a95ed37" providerId="ADAL" clId="{749D1501-BDAD-459F-AD5F-6C9716BA0FB1}" dt="2022-03-30T16:49:16.515" v="2425" actId="20577"/>
          <ac:spMkLst>
            <pc:docMk/>
            <pc:sldMk cId="3871344331" sldId="356"/>
            <ac:spMk id="12" creationId="{1065F1B1-23CC-407C-8881-AD099076A7D7}"/>
          </ac:spMkLst>
        </pc:spChg>
      </pc:sldChg>
      <pc:sldChg chg="del">
        <pc:chgData name="Jose Palomino" userId="206526be-19f3-44dd-b92d-d9565a95ed37" providerId="ADAL" clId="{749D1501-BDAD-459F-AD5F-6C9716BA0FB1}" dt="2022-03-30T16:49:31.549" v="2428" actId="47"/>
        <pc:sldMkLst>
          <pc:docMk/>
          <pc:sldMk cId="3112650349" sldId="364"/>
        </pc:sldMkLst>
      </pc:sldChg>
      <pc:sldChg chg="addSp delSp modSp mod modShow">
        <pc:chgData name="Jose Palomino" userId="206526be-19f3-44dd-b92d-d9565a95ed37" providerId="ADAL" clId="{749D1501-BDAD-459F-AD5F-6C9716BA0FB1}" dt="2022-03-30T16:11:17.988" v="214" actId="113"/>
        <pc:sldMkLst>
          <pc:docMk/>
          <pc:sldMk cId="657840877" sldId="366"/>
        </pc:sldMkLst>
        <pc:spChg chg="mod">
          <ac:chgData name="Jose Palomino" userId="206526be-19f3-44dd-b92d-d9565a95ed37" providerId="ADAL" clId="{749D1501-BDAD-459F-AD5F-6C9716BA0FB1}" dt="2022-03-30T16:08:17.631" v="159" actId="20577"/>
          <ac:spMkLst>
            <pc:docMk/>
            <pc:sldMk cId="657840877" sldId="366"/>
            <ac:spMk id="2" creationId="{9FA51D0D-72BE-41E3-996F-50E8E4C448CC}"/>
          </ac:spMkLst>
        </pc:spChg>
        <pc:spChg chg="del mod">
          <ac:chgData name="Jose Palomino" userId="206526be-19f3-44dd-b92d-d9565a95ed37" providerId="ADAL" clId="{749D1501-BDAD-459F-AD5F-6C9716BA0FB1}" dt="2022-03-30T16:06:54.982" v="129" actId="478"/>
          <ac:spMkLst>
            <pc:docMk/>
            <pc:sldMk cId="657840877" sldId="366"/>
            <ac:spMk id="3" creationId="{C85D59CE-FE47-4D19-99CD-1CDE6589AF80}"/>
          </ac:spMkLst>
        </pc:spChg>
        <pc:spChg chg="del">
          <ac:chgData name="Jose Palomino" userId="206526be-19f3-44dd-b92d-d9565a95ed37" providerId="ADAL" clId="{749D1501-BDAD-459F-AD5F-6C9716BA0FB1}" dt="2022-03-30T16:05:54.336" v="119" actId="478"/>
          <ac:spMkLst>
            <pc:docMk/>
            <pc:sldMk cId="657840877" sldId="366"/>
            <ac:spMk id="5" creationId="{E2617DC5-47E9-49A6-9662-D313D76B4537}"/>
          </ac:spMkLst>
        </pc:spChg>
        <pc:spChg chg="add mod">
          <ac:chgData name="Jose Palomino" userId="206526be-19f3-44dd-b92d-d9565a95ed37" providerId="ADAL" clId="{749D1501-BDAD-459F-AD5F-6C9716BA0FB1}" dt="2022-03-30T16:07:13.281" v="132" actId="5793"/>
          <ac:spMkLst>
            <pc:docMk/>
            <pc:sldMk cId="657840877" sldId="366"/>
            <ac:spMk id="7" creationId="{17806A7C-CA4F-44B1-8B90-B9B1382B9E5F}"/>
          </ac:spMkLst>
        </pc:spChg>
        <pc:graphicFrameChg chg="add mod modGraphic">
          <ac:chgData name="Jose Palomino" userId="206526be-19f3-44dd-b92d-d9565a95ed37" providerId="ADAL" clId="{749D1501-BDAD-459F-AD5F-6C9716BA0FB1}" dt="2022-03-30T16:11:17.988" v="214" actId="113"/>
          <ac:graphicFrameMkLst>
            <pc:docMk/>
            <pc:sldMk cId="657840877" sldId="366"/>
            <ac:graphicFrameMk id="4" creationId="{3428D1C3-1AB3-47B7-8B56-CBAE25F3ABD9}"/>
          </ac:graphicFrameMkLst>
        </pc:graphicFrameChg>
      </pc:sldChg>
      <pc:sldChg chg="del">
        <pc:chgData name="Jose Palomino" userId="206526be-19f3-44dd-b92d-d9565a95ed37" providerId="ADAL" clId="{749D1501-BDAD-459F-AD5F-6C9716BA0FB1}" dt="2022-03-30T16:49:30.144" v="2427" actId="47"/>
        <pc:sldMkLst>
          <pc:docMk/>
          <pc:sldMk cId="1453625414" sldId="369"/>
        </pc:sldMkLst>
      </pc:sldChg>
      <pc:sldChg chg="addSp delSp modSp mod delAnim modAnim">
        <pc:chgData name="Jose Palomino" userId="206526be-19f3-44dd-b92d-d9565a95ed37" providerId="ADAL" clId="{749D1501-BDAD-459F-AD5F-6C9716BA0FB1}" dt="2022-03-30T16:51:26.779" v="2614"/>
        <pc:sldMkLst>
          <pc:docMk/>
          <pc:sldMk cId="2603522842" sldId="370"/>
        </pc:sldMkLst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2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4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5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6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7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8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0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3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4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5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22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23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53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54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56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57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58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61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64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66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69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72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74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83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88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90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96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98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10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11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19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20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21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22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23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24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25" creationId="{00000000-0000-0000-0000-000000000000}"/>
          </ac:spMkLst>
        </pc:spChg>
        <pc:spChg chg="mod">
          <ac:chgData name="Jose Palomino" userId="206526be-19f3-44dd-b92d-d9565a95ed37" providerId="ADAL" clId="{749D1501-BDAD-459F-AD5F-6C9716BA0FB1}" dt="2022-03-30T15:59:03.684" v="45" actId="1035"/>
          <ac:spMkLst>
            <pc:docMk/>
            <pc:sldMk cId="2603522842" sldId="370"/>
            <ac:spMk id="128" creationId="{00000000-0000-0000-0000-000000000000}"/>
          </ac:spMkLst>
        </pc:spChg>
        <pc:graphicFrameChg chg="add mod modGraphic">
          <ac:chgData name="Jose Palomino" userId="206526be-19f3-44dd-b92d-d9565a95ed37" providerId="ADAL" clId="{749D1501-BDAD-459F-AD5F-6C9716BA0FB1}" dt="2022-03-30T15:59:59.628" v="52" actId="14100"/>
          <ac:graphicFrameMkLst>
            <pc:docMk/>
            <pc:sldMk cId="2603522842" sldId="370"/>
            <ac:graphicFrameMk id="9" creationId="{FBF9FDF9-B621-400B-B756-0777E754290D}"/>
          </ac:graphicFrameMkLst>
        </pc:graphicFrameChg>
        <pc:graphicFrameChg chg="del">
          <ac:chgData name="Jose Palomino" userId="206526be-19f3-44dd-b92d-d9565a95ed37" providerId="ADAL" clId="{749D1501-BDAD-459F-AD5F-6C9716BA0FB1}" dt="2022-03-30T15:57:16.547" v="5" actId="478"/>
          <ac:graphicFrameMkLst>
            <pc:docMk/>
            <pc:sldMk cId="2603522842" sldId="370"/>
            <ac:graphicFrameMk id="18" creationId="{00000000-0000-0000-0000-000000000000}"/>
          </ac:graphicFrameMkLst>
        </pc:graphicFrameChg>
        <pc:cxnChg chg="mod">
          <ac:chgData name="Jose Palomino" userId="206526be-19f3-44dd-b92d-d9565a95ed37" providerId="ADAL" clId="{749D1501-BDAD-459F-AD5F-6C9716BA0FB1}" dt="2022-03-30T15:59:03.684" v="45" actId="1035"/>
          <ac:cxnSpMkLst>
            <pc:docMk/>
            <pc:sldMk cId="2603522842" sldId="370"/>
            <ac:cxnSpMk id="12" creationId="{00000000-0000-0000-0000-000000000000}"/>
          </ac:cxnSpMkLst>
        </pc:cxnChg>
        <pc:cxnChg chg="mod">
          <ac:chgData name="Jose Palomino" userId="206526be-19f3-44dd-b92d-d9565a95ed37" providerId="ADAL" clId="{749D1501-BDAD-459F-AD5F-6C9716BA0FB1}" dt="2022-03-30T15:59:03.684" v="45" actId="1035"/>
          <ac:cxnSpMkLst>
            <pc:docMk/>
            <pc:sldMk cId="2603522842" sldId="370"/>
            <ac:cxnSpMk id="34" creationId="{00000000-0000-0000-0000-000000000000}"/>
          </ac:cxnSpMkLst>
        </pc:cxnChg>
        <pc:cxnChg chg="mod">
          <ac:chgData name="Jose Palomino" userId="206526be-19f3-44dd-b92d-d9565a95ed37" providerId="ADAL" clId="{749D1501-BDAD-459F-AD5F-6C9716BA0FB1}" dt="2022-03-30T15:59:03.684" v="45" actId="1035"/>
          <ac:cxnSpMkLst>
            <pc:docMk/>
            <pc:sldMk cId="2603522842" sldId="370"/>
            <ac:cxnSpMk id="35" creationId="{00000000-0000-0000-0000-000000000000}"/>
          </ac:cxnSpMkLst>
        </pc:cxnChg>
        <pc:cxnChg chg="mod">
          <ac:chgData name="Jose Palomino" userId="206526be-19f3-44dd-b92d-d9565a95ed37" providerId="ADAL" clId="{749D1501-BDAD-459F-AD5F-6C9716BA0FB1}" dt="2022-03-30T15:59:03.684" v="45" actId="1035"/>
          <ac:cxnSpMkLst>
            <pc:docMk/>
            <pc:sldMk cId="2603522842" sldId="370"/>
            <ac:cxnSpMk id="36" creationId="{00000000-0000-0000-0000-000000000000}"/>
          </ac:cxnSpMkLst>
        </pc:cxnChg>
        <pc:cxnChg chg="mod">
          <ac:chgData name="Jose Palomino" userId="206526be-19f3-44dd-b92d-d9565a95ed37" providerId="ADAL" clId="{749D1501-BDAD-459F-AD5F-6C9716BA0FB1}" dt="2022-03-30T15:59:03.684" v="45" actId="1035"/>
          <ac:cxnSpMkLst>
            <pc:docMk/>
            <pc:sldMk cId="2603522842" sldId="370"/>
            <ac:cxnSpMk id="38" creationId="{00000000-0000-0000-0000-000000000000}"/>
          </ac:cxnSpMkLst>
        </pc:cxnChg>
        <pc:cxnChg chg="mod">
          <ac:chgData name="Jose Palomino" userId="206526be-19f3-44dd-b92d-d9565a95ed37" providerId="ADAL" clId="{749D1501-BDAD-459F-AD5F-6C9716BA0FB1}" dt="2022-03-30T15:59:03.684" v="45" actId="1035"/>
          <ac:cxnSpMkLst>
            <pc:docMk/>
            <pc:sldMk cId="2603522842" sldId="370"/>
            <ac:cxnSpMk id="39" creationId="{00000000-0000-0000-0000-000000000000}"/>
          </ac:cxnSpMkLst>
        </pc:cxnChg>
        <pc:cxnChg chg="mod">
          <ac:chgData name="Jose Palomino" userId="206526be-19f3-44dd-b92d-d9565a95ed37" providerId="ADAL" clId="{749D1501-BDAD-459F-AD5F-6C9716BA0FB1}" dt="2022-03-30T15:59:03.684" v="45" actId="1035"/>
          <ac:cxnSpMkLst>
            <pc:docMk/>
            <pc:sldMk cId="2603522842" sldId="370"/>
            <ac:cxnSpMk id="108" creationId="{00000000-0000-0000-0000-000000000000}"/>
          </ac:cxnSpMkLst>
        </pc:cxnChg>
        <pc:cxnChg chg="mod">
          <ac:chgData name="Jose Palomino" userId="206526be-19f3-44dd-b92d-d9565a95ed37" providerId="ADAL" clId="{749D1501-BDAD-459F-AD5F-6C9716BA0FB1}" dt="2022-03-30T15:59:03.684" v="45" actId="1035"/>
          <ac:cxnSpMkLst>
            <pc:docMk/>
            <pc:sldMk cId="2603522842" sldId="370"/>
            <ac:cxnSpMk id="114" creationId="{00000000-0000-0000-0000-000000000000}"/>
          </ac:cxnSpMkLst>
        </pc:cxnChg>
        <pc:cxnChg chg="mod">
          <ac:chgData name="Jose Palomino" userId="206526be-19f3-44dd-b92d-d9565a95ed37" providerId="ADAL" clId="{749D1501-BDAD-459F-AD5F-6C9716BA0FB1}" dt="2022-03-30T15:59:03.684" v="45" actId="1035"/>
          <ac:cxnSpMkLst>
            <pc:docMk/>
            <pc:sldMk cId="2603522842" sldId="370"/>
            <ac:cxnSpMk id="115" creationId="{00000000-0000-0000-0000-000000000000}"/>
          </ac:cxnSpMkLst>
        </pc:cxnChg>
        <pc:cxnChg chg="mod">
          <ac:chgData name="Jose Palomino" userId="206526be-19f3-44dd-b92d-d9565a95ed37" providerId="ADAL" clId="{749D1501-BDAD-459F-AD5F-6C9716BA0FB1}" dt="2022-03-30T15:59:03.684" v="45" actId="1035"/>
          <ac:cxnSpMkLst>
            <pc:docMk/>
            <pc:sldMk cId="2603522842" sldId="370"/>
            <ac:cxnSpMk id="118" creationId="{00000000-0000-0000-0000-000000000000}"/>
          </ac:cxnSpMkLst>
        </pc:cxnChg>
      </pc:sldChg>
      <pc:sldChg chg="modSp mod modShow">
        <pc:chgData name="Jose Palomino" userId="206526be-19f3-44dd-b92d-d9565a95ed37" providerId="ADAL" clId="{749D1501-BDAD-459F-AD5F-6C9716BA0FB1}" dt="2022-03-30T16:52:06.690" v="2615" actId="729"/>
        <pc:sldMkLst>
          <pc:docMk/>
          <pc:sldMk cId="3330071810" sldId="373"/>
        </pc:sldMkLst>
        <pc:spChg chg="mod">
          <ac:chgData name="Jose Palomino" userId="206526be-19f3-44dd-b92d-d9565a95ed37" providerId="ADAL" clId="{749D1501-BDAD-459F-AD5F-6C9716BA0FB1}" dt="2022-03-30T16:39:59.085" v="1444" actId="20577"/>
          <ac:spMkLst>
            <pc:docMk/>
            <pc:sldMk cId="3330071810" sldId="373"/>
            <ac:spMk id="2" creationId="{9FA51D0D-72BE-41E3-996F-50E8E4C448CC}"/>
          </ac:spMkLst>
        </pc:spChg>
        <pc:spChg chg="mod">
          <ac:chgData name="Jose Palomino" userId="206526be-19f3-44dd-b92d-d9565a95ed37" providerId="ADAL" clId="{749D1501-BDAD-459F-AD5F-6C9716BA0FB1}" dt="2022-03-30T16:45:10.492" v="2009" actId="6549"/>
          <ac:spMkLst>
            <pc:docMk/>
            <pc:sldMk cId="3330071810" sldId="373"/>
            <ac:spMk id="5" creationId="{E2617DC5-47E9-49A6-9662-D313D76B4537}"/>
          </ac:spMkLst>
        </pc:spChg>
      </pc:sldChg>
      <pc:sldChg chg="del">
        <pc:chgData name="Jose Palomino" userId="206526be-19f3-44dd-b92d-d9565a95ed37" providerId="ADAL" clId="{749D1501-BDAD-459F-AD5F-6C9716BA0FB1}" dt="2022-03-30T16:45:25.481" v="2010" actId="47"/>
        <pc:sldMkLst>
          <pc:docMk/>
          <pc:sldMk cId="289774673" sldId="374"/>
        </pc:sldMkLst>
      </pc:sldChg>
      <pc:sldChg chg="modSp add mod modShow">
        <pc:chgData name="Jose Palomino" userId="206526be-19f3-44dd-b92d-d9565a95ed37" providerId="ADAL" clId="{749D1501-BDAD-459F-AD5F-6C9716BA0FB1}" dt="2022-03-30T16:39:48.504" v="1420" actId="729"/>
        <pc:sldMkLst>
          <pc:docMk/>
          <pc:sldMk cId="1080673688" sldId="375"/>
        </pc:sldMkLst>
        <pc:spChg chg="mod">
          <ac:chgData name="Jose Palomino" userId="206526be-19f3-44dd-b92d-d9565a95ed37" providerId="ADAL" clId="{749D1501-BDAD-459F-AD5F-6C9716BA0FB1}" dt="2022-03-30T16:37:12.817" v="1250" actId="20577"/>
          <ac:spMkLst>
            <pc:docMk/>
            <pc:sldMk cId="1080673688" sldId="375"/>
            <ac:spMk id="2" creationId="{9FA51D0D-72BE-41E3-996F-50E8E4C448CC}"/>
          </ac:spMkLst>
        </pc:spChg>
        <pc:spChg chg="mod">
          <ac:chgData name="Jose Palomino" userId="206526be-19f3-44dd-b92d-d9565a95ed37" providerId="ADAL" clId="{749D1501-BDAD-459F-AD5F-6C9716BA0FB1}" dt="2022-03-30T16:39:40.939" v="1419" actId="20577"/>
          <ac:spMkLst>
            <pc:docMk/>
            <pc:sldMk cId="1080673688" sldId="375"/>
            <ac:spMk id="5" creationId="{E2617DC5-47E9-49A6-9662-D313D76B4537}"/>
          </ac:spMkLst>
        </pc:spChg>
      </pc:sldChg>
      <pc:sldChg chg="addSp delSp modSp add mod">
        <pc:chgData name="Jose Palomino" userId="206526be-19f3-44dd-b92d-d9565a95ed37" providerId="ADAL" clId="{749D1501-BDAD-459F-AD5F-6C9716BA0FB1}" dt="2022-03-30T16:11:29.498" v="215" actId="313"/>
        <pc:sldMkLst>
          <pc:docMk/>
          <pc:sldMk cId="3704902647" sldId="376"/>
        </pc:sldMkLst>
        <pc:spChg chg="mod">
          <ac:chgData name="Jose Palomino" userId="206526be-19f3-44dd-b92d-d9565a95ed37" providerId="ADAL" clId="{749D1501-BDAD-459F-AD5F-6C9716BA0FB1}" dt="2022-03-30T16:08:21.376" v="162" actId="20577"/>
          <ac:spMkLst>
            <pc:docMk/>
            <pc:sldMk cId="3704902647" sldId="376"/>
            <ac:spMk id="2" creationId="{9FA51D0D-72BE-41E3-996F-50E8E4C448CC}"/>
          </ac:spMkLst>
        </pc:spChg>
        <pc:spChg chg="del">
          <ac:chgData name="Jose Palomino" userId="206526be-19f3-44dd-b92d-d9565a95ed37" providerId="ADAL" clId="{749D1501-BDAD-459F-AD5F-6C9716BA0FB1}" dt="2022-03-30T16:10:34.154" v="191" actId="478"/>
          <ac:spMkLst>
            <pc:docMk/>
            <pc:sldMk cId="3704902647" sldId="376"/>
            <ac:spMk id="7" creationId="{17806A7C-CA4F-44B1-8B90-B9B1382B9E5F}"/>
          </ac:spMkLst>
        </pc:spChg>
        <pc:graphicFrameChg chg="add mod modGraphic">
          <ac:chgData name="Jose Palomino" userId="206526be-19f3-44dd-b92d-d9565a95ed37" providerId="ADAL" clId="{749D1501-BDAD-459F-AD5F-6C9716BA0FB1}" dt="2022-03-30T16:11:29.498" v="215" actId="313"/>
          <ac:graphicFrameMkLst>
            <pc:docMk/>
            <pc:sldMk cId="3704902647" sldId="376"/>
            <ac:graphicFrameMk id="3" creationId="{FEDDE775-09CB-4354-8BC3-AD48E2325D79}"/>
          </ac:graphicFrameMkLst>
        </pc:graphicFrameChg>
        <pc:graphicFrameChg chg="del">
          <ac:chgData name="Jose Palomino" userId="206526be-19f3-44dd-b92d-d9565a95ed37" providerId="ADAL" clId="{749D1501-BDAD-459F-AD5F-6C9716BA0FB1}" dt="2022-03-30T16:08:58.453" v="163" actId="478"/>
          <ac:graphicFrameMkLst>
            <pc:docMk/>
            <pc:sldMk cId="3704902647" sldId="376"/>
            <ac:graphicFrameMk id="4" creationId="{3428D1C3-1AB3-47B7-8B56-CBAE25F3ABD9}"/>
          </ac:graphicFrameMkLst>
        </pc:graphicFrameChg>
      </pc:sldChg>
      <pc:sldChg chg="addSp delSp modSp add mod">
        <pc:chgData name="Jose Palomino" userId="206526be-19f3-44dd-b92d-d9565a95ed37" providerId="ADAL" clId="{749D1501-BDAD-459F-AD5F-6C9716BA0FB1}" dt="2022-03-30T16:14:51.988" v="309" actId="1076"/>
        <pc:sldMkLst>
          <pc:docMk/>
          <pc:sldMk cId="4079407582" sldId="377"/>
        </pc:sldMkLst>
        <pc:spChg chg="mod">
          <ac:chgData name="Jose Palomino" userId="206526be-19f3-44dd-b92d-d9565a95ed37" providerId="ADAL" clId="{749D1501-BDAD-459F-AD5F-6C9716BA0FB1}" dt="2022-03-30T16:12:20.671" v="277" actId="20577"/>
          <ac:spMkLst>
            <pc:docMk/>
            <pc:sldMk cId="4079407582" sldId="377"/>
            <ac:spMk id="2" creationId="{9FA51D0D-72BE-41E3-996F-50E8E4C448CC}"/>
          </ac:spMkLst>
        </pc:spChg>
        <pc:graphicFrameChg chg="del">
          <ac:chgData name="Jose Palomino" userId="206526be-19f3-44dd-b92d-d9565a95ed37" providerId="ADAL" clId="{749D1501-BDAD-459F-AD5F-6C9716BA0FB1}" dt="2022-03-30T16:12:47.541" v="278" actId="478"/>
          <ac:graphicFrameMkLst>
            <pc:docMk/>
            <pc:sldMk cId="4079407582" sldId="377"/>
            <ac:graphicFrameMk id="3" creationId="{FEDDE775-09CB-4354-8BC3-AD48E2325D79}"/>
          </ac:graphicFrameMkLst>
        </pc:graphicFrameChg>
        <pc:graphicFrameChg chg="add mod modGraphic">
          <ac:chgData name="Jose Palomino" userId="206526be-19f3-44dd-b92d-d9565a95ed37" providerId="ADAL" clId="{749D1501-BDAD-459F-AD5F-6C9716BA0FB1}" dt="2022-03-30T16:14:51.988" v="309" actId="1076"/>
          <ac:graphicFrameMkLst>
            <pc:docMk/>
            <pc:sldMk cId="4079407582" sldId="377"/>
            <ac:graphicFrameMk id="4" creationId="{B0456B76-EA63-43E7-9DC6-804CDE4C3F58}"/>
          </ac:graphicFrameMkLst>
        </pc:graphicFrameChg>
      </pc:sldChg>
      <pc:sldChg chg="addSp delSp modSp add mod">
        <pc:chgData name="Jose Palomino" userId="206526be-19f3-44dd-b92d-d9565a95ed37" providerId="ADAL" clId="{749D1501-BDAD-459F-AD5F-6C9716BA0FB1}" dt="2022-03-30T16:55:48.657" v="2851" actId="113"/>
        <pc:sldMkLst>
          <pc:docMk/>
          <pc:sldMk cId="281972960" sldId="378"/>
        </pc:sldMkLst>
        <pc:spChg chg="mod">
          <ac:chgData name="Jose Palomino" userId="206526be-19f3-44dd-b92d-d9565a95ed37" providerId="ADAL" clId="{749D1501-BDAD-459F-AD5F-6C9716BA0FB1}" dt="2022-03-30T16:18:07.685" v="355" actId="20577"/>
          <ac:spMkLst>
            <pc:docMk/>
            <pc:sldMk cId="281972960" sldId="378"/>
            <ac:spMk id="2" creationId="{9FA51D0D-72BE-41E3-996F-50E8E4C448CC}"/>
          </ac:spMkLst>
        </pc:spChg>
        <pc:graphicFrameChg chg="add del mod">
          <ac:chgData name="Jose Palomino" userId="206526be-19f3-44dd-b92d-d9565a95ed37" providerId="ADAL" clId="{749D1501-BDAD-459F-AD5F-6C9716BA0FB1}" dt="2022-03-30T16:15:45.071" v="345"/>
          <ac:graphicFrameMkLst>
            <pc:docMk/>
            <pc:sldMk cId="281972960" sldId="378"/>
            <ac:graphicFrameMk id="3" creationId="{7DD827C8-1EAB-495F-B43E-DBE52A567DDD}"/>
          </ac:graphicFrameMkLst>
        </pc:graphicFrameChg>
        <pc:graphicFrameChg chg="del">
          <ac:chgData name="Jose Palomino" userId="206526be-19f3-44dd-b92d-d9565a95ed37" providerId="ADAL" clId="{749D1501-BDAD-459F-AD5F-6C9716BA0FB1}" dt="2022-03-30T16:15:42.870" v="343" actId="478"/>
          <ac:graphicFrameMkLst>
            <pc:docMk/>
            <pc:sldMk cId="281972960" sldId="378"/>
            <ac:graphicFrameMk id="4" creationId="{B0456B76-EA63-43E7-9DC6-804CDE4C3F58}"/>
          </ac:graphicFrameMkLst>
        </pc:graphicFrameChg>
        <pc:graphicFrameChg chg="add mod modGraphic">
          <ac:chgData name="Jose Palomino" userId="206526be-19f3-44dd-b92d-d9565a95ed37" providerId="ADAL" clId="{749D1501-BDAD-459F-AD5F-6C9716BA0FB1}" dt="2022-03-30T16:55:48.657" v="2851" actId="113"/>
          <ac:graphicFrameMkLst>
            <pc:docMk/>
            <pc:sldMk cId="281972960" sldId="378"/>
            <ac:graphicFrameMk id="5" creationId="{CDB2B051-1533-435B-A542-3556099F1C1A}"/>
          </ac:graphicFrameMkLst>
        </pc:graphicFrameChg>
      </pc:sldChg>
      <pc:sldChg chg="addSp delSp modSp add mod">
        <pc:chgData name="Jose Palomino" userId="206526be-19f3-44dd-b92d-d9565a95ed37" providerId="ADAL" clId="{749D1501-BDAD-459F-AD5F-6C9716BA0FB1}" dt="2022-03-30T16:18:59.763" v="397" actId="113"/>
        <pc:sldMkLst>
          <pc:docMk/>
          <pc:sldMk cId="2251819352" sldId="379"/>
        </pc:sldMkLst>
        <pc:spChg chg="mod">
          <ac:chgData name="Jose Palomino" userId="206526be-19f3-44dd-b92d-d9565a95ed37" providerId="ADAL" clId="{749D1501-BDAD-459F-AD5F-6C9716BA0FB1}" dt="2022-03-30T16:18:23.708" v="379" actId="6549"/>
          <ac:spMkLst>
            <pc:docMk/>
            <pc:sldMk cId="2251819352" sldId="379"/>
            <ac:spMk id="2" creationId="{9FA51D0D-72BE-41E3-996F-50E8E4C448CC}"/>
          </ac:spMkLst>
        </pc:spChg>
        <pc:graphicFrameChg chg="add mod modGraphic">
          <ac:chgData name="Jose Palomino" userId="206526be-19f3-44dd-b92d-d9565a95ed37" providerId="ADAL" clId="{749D1501-BDAD-459F-AD5F-6C9716BA0FB1}" dt="2022-03-30T16:18:59.763" v="397" actId="113"/>
          <ac:graphicFrameMkLst>
            <pc:docMk/>
            <pc:sldMk cId="2251819352" sldId="379"/>
            <ac:graphicFrameMk id="3" creationId="{9939B010-93A8-46A8-B0C3-9ED53DBAFD17}"/>
          </ac:graphicFrameMkLst>
        </pc:graphicFrameChg>
        <pc:graphicFrameChg chg="del">
          <ac:chgData name="Jose Palomino" userId="206526be-19f3-44dd-b92d-d9565a95ed37" providerId="ADAL" clId="{749D1501-BDAD-459F-AD5F-6C9716BA0FB1}" dt="2022-03-30T16:18:41.068" v="380" actId="478"/>
          <ac:graphicFrameMkLst>
            <pc:docMk/>
            <pc:sldMk cId="2251819352" sldId="379"/>
            <ac:graphicFrameMk id="5" creationId="{CDB2B051-1533-435B-A542-3556099F1C1A}"/>
          </ac:graphicFrameMkLst>
        </pc:graphicFrameChg>
      </pc:sldChg>
      <pc:sldChg chg="addSp delSp modSp add mod">
        <pc:chgData name="Jose Palomino" userId="206526be-19f3-44dd-b92d-d9565a95ed37" providerId="ADAL" clId="{749D1501-BDAD-459F-AD5F-6C9716BA0FB1}" dt="2022-03-30T16:21:10.512" v="515" actId="113"/>
        <pc:sldMkLst>
          <pc:docMk/>
          <pc:sldMk cId="2112420584" sldId="380"/>
        </pc:sldMkLst>
        <pc:spChg chg="mod">
          <ac:chgData name="Jose Palomino" userId="206526be-19f3-44dd-b92d-d9565a95ed37" providerId="ADAL" clId="{749D1501-BDAD-459F-AD5F-6C9716BA0FB1}" dt="2022-03-30T16:19:53.354" v="461" actId="20577"/>
          <ac:spMkLst>
            <pc:docMk/>
            <pc:sldMk cId="2112420584" sldId="380"/>
            <ac:spMk id="2" creationId="{9FA51D0D-72BE-41E3-996F-50E8E4C448CC}"/>
          </ac:spMkLst>
        </pc:spChg>
        <pc:graphicFrameChg chg="del">
          <ac:chgData name="Jose Palomino" userId="206526be-19f3-44dd-b92d-d9565a95ed37" providerId="ADAL" clId="{749D1501-BDAD-459F-AD5F-6C9716BA0FB1}" dt="2022-03-30T16:20:13.082" v="462" actId="478"/>
          <ac:graphicFrameMkLst>
            <pc:docMk/>
            <pc:sldMk cId="2112420584" sldId="380"/>
            <ac:graphicFrameMk id="3" creationId="{9939B010-93A8-46A8-B0C3-9ED53DBAFD17}"/>
          </ac:graphicFrameMkLst>
        </pc:graphicFrameChg>
        <pc:graphicFrameChg chg="add mod modGraphic">
          <ac:chgData name="Jose Palomino" userId="206526be-19f3-44dd-b92d-d9565a95ed37" providerId="ADAL" clId="{749D1501-BDAD-459F-AD5F-6C9716BA0FB1}" dt="2022-03-30T16:21:10.512" v="515" actId="113"/>
          <ac:graphicFrameMkLst>
            <pc:docMk/>
            <pc:sldMk cId="2112420584" sldId="380"/>
            <ac:graphicFrameMk id="4" creationId="{B6C9B9AF-6CFE-4C06-B06C-930893BED5DF}"/>
          </ac:graphicFrameMkLst>
        </pc:graphicFrameChg>
      </pc:sldChg>
      <pc:sldChg chg="addSp delSp modSp add mod">
        <pc:chgData name="Jose Palomino" userId="206526be-19f3-44dd-b92d-d9565a95ed37" providerId="ADAL" clId="{749D1501-BDAD-459F-AD5F-6C9716BA0FB1}" dt="2022-03-30T16:22:20.556" v="560" actId="113"/>
        <pc:sldMkLst>
          <pc:docMk/>
          <pc:sldMk cId="3241745455" sldId="381"/>
        </pc:sldMkLst>
        <pc:spChg chg="mod">
          <ac:chgData name="Jose Palomino" userId="206526be-19f3-44dd-b92d-d9565a95ed37" providerId="ADAL" clId="{749D1501-BDAD-459F-AD5F-6C9716BA0FB1}" dt="2022-03-30T16:21:31.602" v="546" actId="20577"/>
          <ac:spMkLst>
            <pc:docMk/>
            <pc:sldMk cId="3241745455" sldId="381"/>
            <ac:spMk id="2" creationId="{9FA51D0D-72BE-41E3-996F-50E8E4C448CC}"/>
          </ac:spMkLst>
        </pc:spChg>
        <pc:graphicFrameChg chg="add del mod">
          <ac:chgData name="Jose Palomino" userId="206526be-19f3-44dd-b92d-d9565a95ed37" providerId="ADAL" clId="{749D1501-BDAD-459F-AD5F-6C9716BA0FB1}" dt="2022-03-30T16:21:56.339" v="550"/>
          <ac:graphicFrameMkLst>
            <pc:docMk/>
            <pc:sldMk cId="3241745455" sldId="381"/>
            <ac:graphicFrameMk id="3" creationId="{B93C178E-507F-4E8F-8B94-FBD676F62C77}"/>
          </ac:graphicFrameMkLst>
        </pc:graphicFrameChg>
        <pc:graphicFrameChg chg="del modGraphic">
          <ac:chgData name="Jose Palomino" userId="206526be-19f3-44dd-b92d-d9565a95ed37" providerId="ADAL" clId="{749D1501-BDAD-459F-AD5F-6C9716BA0FB1}" dt="2022-03-30T16:21:52.901" v="548" actId="478"/>
          <ac:graphicFrameMkLst>
            <pc:docMk/>
            <pc:sldMk cId="3241745455" sldId="381"/>
            <ac:graphicFrameMk id="4" creationId="{B6C9B9AF-6CFE-4C06-B06C-930893BED5DF}"/>
          </ac:graphicFrameMkLst>
        </pc:graphicFrameChg>
        <pc:graphicFrameChg chg="add mod modGraphic">
          <ac:chgData name="Jose Palomino" userId="206526be-19f3-44dd-b92d-d9565a95ed37" providerId="ADAL" clId="{749D1501-BDAD-459F-AD5F-6C9716BA0FB1}" dt="2022-03-30T16:22:20.556" v="560" actId="113"/>
          <ac:graphicFrameMkLst>
            <pc:docMk/>
            <pc:sldMk cId="3241745455" sldId="381"/>
            <ac:graphicFrameMk id="5" creationId="{49E09370-E108-4736-BF44-E2D83B6CFD81}"/>
          </ac:graphicFrameMkLst>
        </pc:graphicFrameChg>
      </pc:sldChg>
      <pc:sldChg chg="addSp delSp modSp add mod">
        <pc:chgData name="Jose Palomino" userId="206526be-19f3-44dd-b92d-d9565a95ed37" providerId="ADAL" clId="{749D1501-BDAD-459F-AD5F-6C9716BA0FB1}" dt="2022-03-30T16:24:34.204" v="687" actId="20577"/>
        <pc:sldMkLst>
          <pc:docMk/>
          <pc:sldMk cId="4117052942" sldId="382"/>
        </pc:sldMkLst>
        <pc:spChg chg="mod">
          <ac:chgData name="Jose Palomino" userId="206526be-19f3-44dd-b92d-d9565a95ed37" providerId="ADAL" clId="{749D1501-BDAD-459F-AD5F-6C9716BA0FB1}" dt="2022-03-30T16:22:46.469" v="592" actId="20577"/>
          <ac:spMkLst>
            <pc:docMk/>
            <pc:sldMk cId="4117052942" sldId="382"/>
            <ac:spMk id="2" creationId="{9FA51D0D-72BE-41E3-996F-50E8E4C448CC}"/>
          </ac:spMkLst>
        </pc:spChg>
        <pc:graphicFrameChg chg="add mod modGraphic">
          <ac:chgData name="Jose Palomino" userId="206526be-19f3-44dd-b92d-d9565a95ed37" providerId="ADAL" clId="{749D1501-BDAD-459F-AD5F-6C9716BA0FB1}" dt="2022-03-30T16:24:34.204" v="687" actId="20577"/>
          <ac:graphicFrameMkLst>
            <pc:docMk/>
            <pc:sldMk cId="4117052942" sldId="382"/>
            <ac:graphicFrameMk id="3" creationId="{E85AECD8-C0FB-402C-95A5-B249273C8CC2}"/>
          </ac:graphicFrameMkLst>
        </pc:graphicFrameChg>
        <pc:graphicFrameChg chg="del">
          <ac:chgData name="Jose Palomino" userId="206526be-19f3-44dd-b92d-d9565a95ed37" providerId="ADAL" clId="{749D1501-BDAD-459F-AD5F-6C9716BA0FB1}" dt="2022-03-30T16:22:51.656" v="593" actId="478"/>
          <ac:graphicFrameMkLst>
            <pc:docMk/>
            <pc:sldMk cId="4117052942" sldId="382"/>
            <ac:graphicFrameMk id="5" creationId="{49E09370-E108-4736-BF44-E2D83B6CFD81}"/>
          </ac:graphicFrameMkLst>
        </pc:graphicFrameChg>
      </pc:sldChg>
      <pc:sldChg chg="addSp delSp modSp add mod">
        <pc:chgData name="Jose Palomino" userId="206526be-19f3-44dd-b92d-d9565a95ed37" providerId="ADAL" clId="{749D1501-BDAD-459F-AD5F-6C9716BA0FB1}" dt="2022-03-30T16:26:31.410" v="729" actId="207"/>
        <pc:sldMkLst>
          <pc:docMk/>
          <pc:sldMk cId="2195362817" sldId="383"/>
        </pc:sldMkLst>
        <pc:spChg chg="mod">
          <ac:chgData name="Jose Palomino" userId="206526be-19f3-44dd-b92d-d9565a95ed37" providerId="ADAL" clId="{749D1501-BDAD-459F-AD5F-6C9716BA0FB1}" dt="2022-03-30T16:25:19.688" v="713" actId="20577"/>
          <ac:spMkLst>
            <pc:docMk/>
            <pc:sldMk cId="2195362817" sldId="383"/>
            <ac:spMk id="2" creationId="{9FA51D0D-72BE-41E3-996F-50E8E4C448CC}"/>
          </ac:spMkLst>
        </pc:spChg>
        <pc:graphicFrameChg chg="del">
          <ac:chgData name="Jose Palomino" userId="206526be-19f3-44dd-b92d-d9565a95ed37" providerId="ADAL" clId="{749D1501-BDAD-459F-AD5F-6C9716BA0FB1}" dt="2022-03-30T16:25:37.397" v="714" actId="478"/>
          <ac:graphicFrameMkLst>
            <pc:docMk/>
            <pc:sldMk cId="2195362817" sldId="383"/>
            <ac:graphicFrameMk id="3" creationId="{E85AECD8-C0FB-402C-95A5-B249273C8CC2}"/>
          </ac:graphicFrameMkLst>
        </pc:graphicFrameChg>
        <pc:graphicFrameChg chg="add mod modGraphic">
          <ac:chgData name="Jose Palomino" userId="206526be-19f3-44dd-b92d-d9565a95ed37" providerId="ADAL" clId="{749D1501-BDAD-459F-AD5F-6C9716BA0FB1}" dt="2022-03-30T16:26:31.410" v="729" actId="207"/>
          <ac:graphicFrameMkLst>
            <pc:docMk/>
            <pc:sldMk cId="2195362817" sldId="383"/>
            <ac:graphicFrameMk id="4" creationId="{5E264FD5-7D02-40DB-8C32-AF2B93BB01C0}"/>
          </ac:graphicFrameMkLst>
        </pc:graphicFrameChg>
      </pc:sldChg>
    </pc:docChg>
  </pc:docChgLst>
  <pc:docChgLst>
    <pc:chgData name="Jose Palomino" userId="206526be-19f3-44dd-b92d-d9565a95ed37" providerId="ADAL" clId="{7DE70F8E-06A4-46F3-BF48-B4EA483F873C}"/>
    <pc:docChg chg="custSel modSld">
      <pc:chgData name="Jose Palomino" userId="206526be-19f3-44dd-b92d-d9565a95ed37" providerId="ADAL" clId="{7DE70F8E-06A4-46F3-BF48-B4EA483F873C}" dt="2021-11-18T18:53:13.602" v="1022" actId="1035"/>
      <pc:docMkLst>
        <pc:docMk/>
      </pc:docMkLst>
      <pc:sldChg chg="modSp mod">
        <pc:chgData name="Jose Palomino" userId="206526be-19f3-44dd-b92d-d9565a95ed37" providerId="ADAL" clId="{7DE70F8E-06A4-46F3-BF48-B4EA483F873C}" dt="2021-11-18T17:37:50.145" v="3" actId="20577"/>
        <pc:sldMkLst>
          <pc:docMk/>
          <pc:sldMk cId="1929714402" sldId="256"/>
        </pc:sldMkLst>
        <pc:spChg chg="mod">
          <ac:chgData name="Jose Palomino" userId="206526be-19f3-44dd-b92d-d9565a95ed37" providerId="ADAL" clId="{7DE70F8E-06A4-46F3-BF48-B4EA483F873C}" dt="2021-11-18T17:37:50.145" v="3" actId="20577"/>
          <ac:spMkLst>
            <pc:docMk/>
            <pc:sldMk cId="1929714402" sldId="256"/>
            <ac:spMk id="2" creationId="{9352A549-E604-43C6-ADA3-61F3EC69D54D}"/>
          </ac:spMkLst>
        </pc:spChg>
      </pc:sldChg>
      <pc:sldChg chg="modSp mod">
        <pc:chgData name="Jose Palomino" userId="206526be-19f3-44dd-b92d-d9565a95ed37" providerId="ADAL" clId="{7DE70F8E-06A4-46F3-BF48-B4EA483F873C}" dt="2021-11-18T18:53:13.602" v="1022" actId="1035"/>
        <pc:sldMkLst>
          <pc:docMk/>
          <pc:sldMk cId="3535275093" sldId="319"/>
        </pc:sldMkLst>
        <pc:spChg chg="mod">
          <ac:chgData name="Jose Palomino" userId="206526be-19f3-44dd-b92d-d9565a95ed37" providerId="ADAL" clId="{7DE70F8E-06A4-46F3-BF48-B4EA483F873C}" dt="2021-11-18T18:53:13.602" v="1022" actId="1035"/>
          <ac:spMkLst>
            <pc:docMk/>
            <pc:sldMk cId="3535275093" sldId="319"/>
            <ac:spMk id="3" creationId="{16A94EE5-33CD-45DC-ADB8-167B960004DA}"/>
          </ac:spMkLst>
        </pc:spChg>
        <pc:spChg chg="mod">
          <ac:chgData name="Jose Palomino" userId="206526be-19f3-44dd-b92d-d9565a95ed37" providerId="ADAL" clId="{7DE70F8E-06A4-46F3-BF48-B4EA483F873C}" dt="2021-11-18T18:53:13.602" v="1022" actId="1035"/>
          <ac:spMkLst>
            <pc:docMk/>
            <pc:sldMk cId="3535275093" sldId="319"/>
            <ac:spMk id="4" creationId="{3B50F68B-564F-4AA9-8362-FF913FCE7268}"/>
          </ac:spMkLst>
        </pc:spChg>
        <pc:spChg chg="mod">
          <ac:chgData name="Jose Palomino" userId="206526be-19f3-44dd-b92d-d9565a95ed37" providerId="ADAL" clId="{7DE70F8E-06A4-46F3-BF48-B4EA483F873C}" dt="2021-11-18T18:53:13.602" v="1022" actId="1035"/>
          <ac:spMkLst>
            <pc:docMk/>
            <pc:sldMk cId="3535275093" sldId="319"/>
            <ac:spMk id="5" creationId="{6EF78644-B068-442D-B06A-7D5C2839B7DB}"/>
          </ac:spMkLst>
        </pc:spChg>
        <pc:spChg chg="mod">
          <ac:chgData name="Jose Palomino" userId="206526be-19f3-44dd-b92d-d9565a95ed37" providerId="ADAL" clId="{7DE70F8E-06A4-46F3-BF48-B4EA483F873C}" dt="2021-11-18T18:53:13.602" v="1022" actId="1035"/>
          <ac:spMkLst>
            <pc:docMk/>
            <pc:sldMk cId="3535275093" sldId="319"/>
            <ac:spMk id="6" creationId="{42256E06-986F-4276-9144-59497AE12D82}"/>
          </ac:spMkLst>
        </pc:spChg>
      </pc:sldChg>
      <pc:sldChg chg="modSp mod">
        <pc:chgData name="Jose Palomino" userId="206526be-19f3-44dd-b92d-d9565a95ed37" providerId="ADAL" clId="{7DE70F8E-06A4-46F3-BF48-B4EA483F873C}" dt="2021-11-18T18:51:58.183" v="999" actId="6549"/>
        <pc:sldMkLst>
          <pc:docMk/>
          <pc:sldMk cId="80923623" sldId="326"/>
        </pc:sldMkLst>
        <pc:spChg chg="mod">
          <ac:chgData name="Jose Palomino" userId="206526be-19f3-44dd-b92d-d9565a95ed37" providerId="ADAL" clId="{7DE70F8E-06A4-46F3-BF48-B4EA483F873C}" dt="2021-11-18T18:51:58.183" v="999" actId="6549"/>
          <ac:spMkLst>
            <pc:docMk/>
            <pc:sldMk cId="80923623" sldId="326"/>
            <ac:spMk id="2" creationId="{10EA9DF2-1198-44CA-BC21-76388C69B785}"/>
          </ac:spMkLst>
        </pc:spChg>
      </pc:sldChg>
      <pc:sldChg chg="addSp delSp modSp mod">
        <pc:chgData name="Jose Palomino" userId="206526be-19f3-44dd-b92d-d9565a95ed37" providerId="ADAL" clId="{7DE70F8E-06A4-46F3-BF48-B4EA483F873C}" dt="2021-11-18T17:47:45.166" v="24" actId="1038"/>
        <pc:sldMkLst>
          <pc:docMk/>
          <pc:sldMk cId="1846785049" sldId="329"/>
        </pc:sldMkLst>
        <pc:spChg chg="mod">
          <ac:chgData name="Jose Palomino" userId="206526be-19f3-44dd-b92d-d9565a95ed37" providerId="ADAL" clId="{7DE70F8E-06A4-46F3-BF48-B4EA483F873C}" dt="2021-11-18T17:47:45.166" v="24" actId="1038"/>
          <ac:spMkLst>
            <pc:docMk/>
            <pc:sldMk cId="1846785049" sldId="329"/>
            <ac:spMk id="7" creationId="{A56CDADB-31AE-4584-8F0A-A488053394C4}"/>
          </ac:spMkLst>
        </pc:spChg>
        <pc:spChg chg="mod">
          <ac:chgData name="Jose Palomino" userId="206526be-19f3-44dd-b92d-d9565a95ed37" providerId="ADAL" clId="{7DE70F8E-06A4-46F3-BF48-B4EA483F873C}" dt="2021-11-18T17:47:33.614" v="23" actId="20577"/>
          <ac:spMkLst>
            <pc:docMk/>
            <pc:sldMk cId="1846785049" sldId="329"/>
            <ac:spMk id="13" creationId="{7C99A1F7-888C-48A1-8431-C924FCD17AD4}"/>
          </ac:spMkLst>
        </pc:spChg>
        <pc:picChg chg="add mod ord">
          <ac:chgData name="Jose Palomino" userId="206526be-19f3-44dd-b92d-d9565a95ed37" providerId="ADAL" clId="{7DE70F8E-06A4-46F3-BF48-B4EA483F873C}" dt="2021-11-18T17:47:07.686" v="14" actId="1076"/>
          <ac:picMkLst>
            <pc:docMk/>
            <pc:sldMk cId="1846785049" sldId="329"/>
            <ac:picMk id="3" creationId="{EEAA1BA9-35AF-4E67-8E27-68E107B8B464}"/>
          </ac:picMkLst>
        </pc:picChg>
        <pc:picChg chg="mod">
          <ac:chgData name="Jose Palomino" userId="206526be-19f3-44dd-b92d-d9565a95ed37" providerId="ADAL" clId="{7DE70F8E-06A4-46F3-BF48-B4EA483F873C}" dt="2021-11-18T17:47:28.656" v="19" actId="1076"/>
          <ac:picMkLst>
            <pc:docMk/>
            <pc:sldMk cId="1846785049" sldId="329"/>
            <ac:picMk id="10" creationId="{B335D52B-EB73-4959-A507-C67DF7E79D1F}"/>
          </ac:picMkLst>
        </pc:picChg>
        <pc:picChg chg="del mod">
          <ac:chgData name="Jose Palomino" userId="206526be-19f3-44dd-b92d-d9565a95ed37" providerId="ADAL" clId="{7DE70F8E-06A4-46F3-BF48-B4EA483F873C}" dt="2021-11-18T17:46:48.099" v="5" actId="478"/>
          <ac:picMkLst>
            <pc:docMk/>
            <pc:sldMk cId="1846785049" sldId="329"/>
            <ac:picMk id="16" creationId="{660846F1-32AB-4072-9B0B-74FC41F34399}"/>
          </ac:picMkLst>
        </pc:picChg>
      </pc:sldChg>
      <pc:sldChg chg="addSp delSp modSp mod">
        <pc:chgData name="Jose Palomino" userId="206526be-19f3-44dd-b92d-d9565a95ed37" providerId="ADAL" clId="{7DE70F8E-06A4-46F3-BF48-B4EA483F873C}" dt="2021-11-18T18:04:44.573" v="775" actId="404"/>
        <pc:sldMkLst>
          <pc:docMk/>
          <pc:sldMk cId="2914573770" sldId="332"/>
        </pc:sldMkLst>
        <pc:spChg chg="mod">
          <ac:chgData name="Jose Palomino" userId="206526be-19f3-44dd-b92d-d9565a95ed37" providerId="ADAL" clId="{7DE70F8E-06A4-46F3-BF48-B4EA483F873C}" dt="2021-11-18T18:04:44.573" v="775" actId="404"/>
          <ac:spMkLst>
            <pc:docMk/>
            <pc:sldMk cId="2914573770" sldId="332"/>
            <ac:spMk id="5" creationId="{9FA51D0D-72BE-41E3-996F-50E8E4C448CC}"/>
          </ac:spMkLst>
        </pc:spChg>
        <pc:picChg chg="del">
          <ac:chgData name="Jose Palomino" userId="206526be-19f3-44dd-b92d-d9565a95ed37" providerId="ADAL" clId="{7DE70F8E-06A4-46F3-BF48-B4EA483F873C}" dt="2021-11-18T18:04:21.557" v="770" actId="478"/>
          <ac:picMkLst>
            <pc:docMk/>
            <pc:sldMk cId="2914573770" sldId="332"/>
            <ac:picMk id="3" creationId="{15A19958-C9FF-4388-A3DF-766C72A370EF}"/>
          </ac:picMkLst>
        </pc:picChg>
        <pc:picChg chg="add mod">
          <ac:chgData name="Jose Palomino" userId="206526be-19f3-44dd-b92d-d9565a95ed37" providerId="ADAL" clId="{7DE70F8E-06A4-46F3-BF48-B4EA483F873C}" dt="2021-11-18T18:04:26.022" v="773" actId="1076"/>
          <ac:picMkLst>
            <pc:docMk/>
            <pc:sldMk cId="2914573770" sldId="332"/>
            <ac:picMk id="4" creationId="{B988BA34-D785-45DE-BFD2-A0038E094696}"/>
          </ac:picMkLst>
        </pc:picChg>
      </pc:sldChg>
      <pc:sldChg chg="modSp mod">
        <pc:chgData name="Jose Palomino" userId="206526be-19f3-44dd-b92d-d9565a95ed37" providerId="ADAL" clId="{7DE70F8E-06A4-46F3-BF48-B4EA483F873C}" dt="2021-11-18T17:53:37.594" v="727" actId="404"/>
        <pc:sldMkLst>
          <pc:docMk/>
          <pc:sldMk cId="806531988" sldId="333"/>
        </pc:sldMkLst>
        <pc:spChg chg="mod">
          <ac:chgData name="Jose Palomino" userId="206526be-19f3-44dd-b92d-d9565a95ed37" providerId="ADAL" clId="{7DE70F8E-06A4-46F3-BF48-B4EA483F873C}" dt="2021-11-18T17:53:37.594" v="727" actId="404"/>
          <ac:spMkLst>
            <pc:docMk/>
            <pc:sldMk cId="806531988" sldId="333"/>
            <ac:spMk id="5" creationId="{1E8A175F-5B80-4249-B23B-191B6F488260}"/>
          </ac:spMkLst>
        </pc:spChg>
        <pc:graphicFrameChg chg="mod">
          <ac:chgData name="Jose Palomino" userId="206526be-19f3-44dd-b92d-d9565a95ed37" providerId="ADAL" clId="{7DE70F8E-06A4-46F3-BF48-B4EA483F873C}" dt="2021-11-18T17:52:31.957" v="687" actId="20577"/>
          <ac:graphicFrameMkLst>
            <pc:docMk/>
            <pc:sldMk cId="806531988" sldId="333"/>
            <ac:graphicFrameMk id="8" creationId="{5E786044-309C-4D76-B17B-D3F6297BDDEE}"/>
          </ac:graphicFrameMkLst>
        </pc:graphicFrameChg>
      </pc:sldChg>
    </pc:docChg>
  </pc:docChgLst>
  <pc:docChgLst>
    <pc:chgData name="Jose Palomino" userId="206526be-19f3-44dd-b92d-d9565a95ed37" providerId="ADAL" clId="{D4F8D311-876D-49A3-AD47-8C68AAC64BDA}"/>
    <pc:docChg chg="undo custSel addSld modSld">
      <pc:chgData name="Jose Palomino" userId="206526be-19f3-44dd-b92d-d9565a95ed37" providerId="ADAL" clId="{D4F8D311-876D-49A3-AD47-8C68AAC64BDA}" dt="2022-02-02T17:11:34.604" v="3272" actId="20577"/>
      <pc:docMkLst>
        <pc:docMk/>
      </pc:docMkLst>
      <pc:sldChg chg="modSp mod">
        <pc:chgData name="Jose Palomino" userId="206526be-19f3-44dd-b92d-d9565a95ed37" providerId="ADAL" clId="{D4F8D311-876D-49A3-AD47-8C68AAC64BDA}" dt="2022-02-02T15:08:14.805" v="5" actId="20577"/>
        <pc:sldMkLst>
          <pc:docMk/>
          <pc:sldMk cId="1929714402" sldId="256"/>
        </pc:sldMkLst>
        <pc:spChg chg="mod">
          <ac:chgData name="Jose Palomino" userId="206526be-19f3-44dd-b92d-d9565a95ed37" providerId="ADAL" clId="{D4F8D311-876D-49A3-AD47-8C68AAC64BDA}" dt="2022-02-02T15:08:14.805" v="5" actId="20577"/>
          <ac:spMkLst>
            <pc:docMk/>
            <pc:sldMk cId="1929714402" sldId="256"/>
            <ac:spMk id="2" creationId="{9352A549-E604-43C6-ADA3-61F3EC69D54D}"/>
          </ac:spMkLst>
        </pc:spChg>
      </pc:sldChg>
      <pc:sldChg chg="modSp mod">
        <pc:chgData name="Jose Palomino" userId="206526be-19f3-44dd-b92d-d9565a95ed37" providerId="ADAL" clId="{D4F8D311-876D-49A3-AD47-8C68AAC64BDA}" dt="2022-02-02T17:11:34.604" v="3272" actId="20577"/>
        <pc:sldMkLst>
          <pc:docMk/>
          <pc:sldMk cId="3525927913" sldId="336"/>
        </pc:sldMkLst>
        <pc:graphicFrameChg chg="modGraphic">
          <ac:chgData name="Jose Palomino" userId="206526be-19f3-44dd-b92d-d9565a95ed37" providerId="ADAL" clId="{D4F8D311-876D-49A3-AD47-8C68AAC64BDA}" dt="2022-02-02T17:11:34.604" v="3272" actId="20577"/>
          <ac:graphicFrameMkLst>
            <pc:docMk/>
            <pc:sldMk cId="3525927913" sldId="336"/>
            <ac:graphicFrameMk id="25" creationId="{00000000-0000-0000-0000-000000000000}"/>
          </ac:graphicFrameMkLst>
        </pc:graphicFrameChg>
      </pc:sldChg>
      <pc:sldChg chg="modSp mod">
        <pc:chgData name="Jose Palomino" userId="206526be-19f3-44dd-b92d-d9565a95ed37" providerId="ADAL" clId="{D4F8D311-876D-49A3-AD47-8C68AAC64BDA}" dt="2022-02-02T17:07:15.314" v="3129" actId="207"/>
        <pc:sldMkLst>
          <pc:docMk/>
          <pc:sldMk cId="4223570417" sldId="355"/>
        </pc:sldMkLst>
        <pc:graphicFrameChg chg="modGraphic">
          <ac:chgData name="Jose Palomino" userId="206526be-19f3-44dd-b92d-d9565a95ed37" providerId="ADAL" clId="{D4F8D311-876D-49A3-AD47-8C68AAC64BDA}" dt="2022-02-02T17:07:15.314" v="3129" actId="207"/>
          <ac:graphicFrameMkLst>
            <pc:docMk/>
            <pc:sldMk cId="4223570417" sldId="355"/>
            <ac:graphicFrameMk id="3" creationId="{7859C871-B5E5-4142-8742-9A5F3C4A8887}"/>
          </ac:graphicFrameMkLst>
        </pc:graphicFrameChg>
      </pc:sldChg>
      <pc:sldChg chg="modSp mod">
        <pc:chgData name="Jose Palomino" userId="206526be-19f3-44dd-b92d-d9565a95ed37" providerId="ADAL" clId="{D4F8D311-876D-49A3-AD47-8C68AAC64BDA}" dt="2022-02-02T17:10:04.643" v="3269" actId="14100"/>
        <pc:sldMkLst>
          <pc:docMk/>
          <pc:sldMk cId="3871344331" sldId="356"/>
        </pc:sldMkLst>
        <pc:spChg chg="mod">
          <ac:chgData name="Jose Palomino" userId="206526be-19f3-44dd-b92d-d9565a95ed37" providerId="ADAL" clId="{D4F8D311-876D-49A3-AD47-8C68AAC64BDA}" dt="2022-02-02T17:10:04.643" v="3269" actId="14100"/>
          <ac:spMkLst>
            <pc:docMk/>
            <pc:sldMk cId="3871344331" sldId="356"/>
            <ac:spMk id="3" creationId="{C85D59CE-FE47-4D19-99CD-1CDE6589AF80}"/>
          </ac:spMkLst>
        </pc:spChg>
        <pc:spChg chg="mod">
          <ac:chgData name="Jose Palomino" userId="206526be-19f3-44dd-b92d-d9565a95ed37" providerId="ADAL" clId="{D4F8D311-876D-49A3-AD47-8C68AAC64BDA}" dt="2022-02-02T17:09:54.341" v="3268" actId="14100"/>
          <ac:spMkLst>
            <pc:docMk/>
            <pc:sldMk cId="3871344331" sldId="356"/>
            <ac:spMk id="4" creationId="{E2617DC5-47E9-49A6-9662-D313D76B4537}"/>
          </ac:spMkLst>
        </pc:spChg>
      </pc:sldChg>
      <pc:sldChg chg="modSp mod">
        <pc:chgData name="Jose Palomino" userId="206526be-19f3-44dd-b92d-d9565a95ed37" providerId="ADAL" clId="{D4F8D311-876D-49A3-AD47-8C68AAC64BDA}" dt="2022-02-02T16:48:51.827" v="2544" actId="20577"/>
        <pc:sldMkLst>
          <pc:docMk/>
          <pc:sldMk cId="948133311" sldId="361"/>
        </pc:sldMkLst>
        <pc:spChg chg="mod">
          <ac:chgData name="Jose Palomino" userId="206526be-19f3-44dd-b92d-d9565a95ed37" providerId="ADAL" clId="{D4F8D311-876D-49A3-AD47-8C68AAC64BDA}" dt="2022-02-02T16:32:03.040" v="1636" actId="207"/>
          <ac:spMkLst>
            <pc:docMk/>
            <pc:sldMk cId="948133311" sldId="361"/>
            <ac:spMk id="10" creationId="{E2617DC5-47E9-49A6-9662-D313D76B4537}"/>
          </ac:spMkLst>
        </pc:spChg>
        <pc:spChg chg="mod">
          <ac:chgData name="Jose Palomino" userId="206526be-19f3-44dd-b92d-d9565a95ed37" providerId="ADAL" clId="{D4F8D311-876D-49A3-AD47-8C68AAC64BDA}" dt="2022-02-02T16:39:56.113" v="2355" actId="14100"/>
          <ac:spMkLst>
            <pc:docMk/>
            <pc:sldMk cId="948133311" sldId="361"/>
            <ac:spMk id="11" creationId="{C85D59CE-FE47-4D19-99CD-1CDE6589AF80}"/>
          </ac:spMkLst>
        </pc:spChg>
        <pc:spChg chg="mod">
          <ac:chgData name="Jose Palomino" userId="206526be-19f3-44dd-b92d-d9565a95ed37" providerId="ADAL" clId="{D4F8D311-876D-49A3-AD47-8C68AAC64BDA}" dt="2022-02-02T16:39:58.897" v="2356" actId="14100"/>
          <ac:spMkLst>
            <pc:docMk/>
            <pc:sldMk cId="948133311" sldId="361"/>
            <ac:spMk id="12" creationId="{C85D59CE-FE47-4D19-99CD-1CDE6589AF80}"/>
          </ac:spMkLst>
        </pc:spChg>
        <pc:spChg chg="mod">
          <ac:chgData name="Jose Palomino" userId="206526be-19f3-44dd-b92d-d9565a95ed37" providerId="ADAL" clId="{D4F8D311-876D-49A3-AD47-8C68AAC64BDA}" dt="2022-02-02T16:31:18.154" v="1635" actId="20577"/>
          <ac:spMkLst>
            <pc:docMk/>
            <pc:sldMk cId="948133311" sldId="361"/>
            <ac:spMk id="17" creationId="{00000000-0000-0000-0000-000000000000}"/>
          </ac:spMkLst>
        </pc:spChg>
        <pc:spChg chg="mod">
          <ac:chgData name="Jose Palomino" userId="206526be-19f3-44dd-b92d-d9565a95ed37" providerId="ADAL" clId="{D4F8D311-876D-49A3-AD47-8C68AAC64BDA}" dt="2022-02-02T16:39:47.326" v="2354" actId="20577"/>
          <ac:spMkLst>
            <pc:docMk/>
            <pc:sldMk cId="948133311" sldId="361"/>
            <ac:spMk id="81" creationId="{E2617DC5-47E9-49A6-9662-D313D76B4537}"/>
          </ac:spMkLst>
        </pc:spChg>
        <pc:spChg chg="mod">
          <ac:chgData name="Jose Palomino" userId="206526be-19f3-44dd-b92d-d9565a95ed37" providerId="ADAL" clId="{D4F8D311-876D-49A3-AD47-8C68AAC64BDA}" dt="2022-02-02T16:45:39.676" v="2379" actId="14100"/>
          <ac:spMkLst>
            <pc:docMk/>
            <pc:sldMk cId="948133311" sldId="361"/>
            <ac:spMk id="82" creationId="{C85D59CE-FE47-4D19-99CD-1CDE6589AF80}"/>
          </ac:spMkLst>
        </pc:spChg>
        <pc:spChg chg="mod">
          <ac:chgData name="Jose Palomino" userId="206526be-19f3-44dd-b92d-d9565a95ed37" providerId="ADAL" clId="{D4F8D311-876D-49A3-AD47-8C68AAC64BDA}" dt="2022-02-02T16:48:51.827" v="2544" actId="20577"/>
          <ac:spMkLst>
            <pc:docMk/>
            <pc:sldMk cId="948133311" sldId="361"/>
            <ac:spMk id="83" creationId="{E2617DC5-47E9-49A6-9662-D313D76B4537}"/>
          </ac:spMkLst>
        </pc:spChg>
      </pc:sldChg>
      <pc:sldChg chg="modSp modAnim">
        <pc:chgData name="Jose Palomino" userId="206526be-19f3-44dd-b92d-d9565a95ed37" providerId="ADAL" clId="{D4F8D311-876D-49A3-AD47-8C68AAC64BDA}" dt="2022-02-02T17:02:11.879" v="2938" actId="20577"/>
        <pc:sldMkLst>
          <pc:docMk/>
          <pc:sldMk cId="2572149734" sldId="362"/>
        </pc:sldMkLst>
        <pc:spChg chg="mod">
          <ac:chgData name="Jose Palomino" userId="206526be-19f3-44dd-b92d-d9565a95ed37" providerId="ADAL" clId="{D4F8D311-876D-49A3-AD47-8C68AAC64BDA}" dt="2022-02-02T16:47:37.262" v="2396" actId="20577"/>
          <ac:spMkLst>
            <pc:docMk/>
            <pc:sldMk cId="2572149734" sldId="362"/>
            <ac:spMk id="17" creationId="{00000000-0000-0000-0000-000000000000}"/>
          </ac:spMkLst>
        </pc:spChg>
        <pc:spChg chg="mod">
          <ac:chgData name="Jose Palomino" userId="206526be-19f3-44dd-b92d-d9565a95ed37" providerId="ADAL" clId="{D4F8D311-876D-49A3-AD47-8C68AAC64BDA}" dt="2022-02-02T17:00:13.116" v="2759" actId="20577"/>
          <ac:spMkLst>
            <pc:docMk/>
            <pc:sldMk cId="2572149734" sldId="362"/>
            <ac:spMk id="81" creationId="{E2617DC5-47E9-49A6-9662-D313D76B4537}"/>
          </ac:spMkLst>
        </pc:spChg>
        <pc:spChg chg="mod">
          <ac:chgData name="Jose Palomino" userId="206526be-19f3-44dd-b92d-d9565a95ed37" providerId="ADAL" clId="{D4F8D311-876D-49A3-AD47-8C68AAC64BDA}" dt="2022-02-02T17:02:11.879" v="2938" actId="20577"/>
          <ac:spMkLst>
            <pc:docMk/>
            <pc:sldMk cId="2572149734" sldId="362"/>
            <ac:spMk id="83" creationId="{E2617DC5-47E9-49A6-9662-D313D76B4537}"/>
          </ac:spMkLst>
        </pc:spChg>
      </pc:sldChg>
      <pc:sldChg chg="modSp mod">
        <pc:chgData name="Jose Palomino" userId="206526be-19f3-44dd-b92d-d9565a95ed37" providerId="ADAL" clId="{D4F8D311-876D-49A3-AD47-8C68AAC64BDA}" dt="2022-02-02T16:07:07.702" v="1598" actId="1036"/>
        <pc:sldMkLst>
          <pc:docMk/>
          <pc:sldMk cId="1783316609" sldId="363"/>
        </pc:sldMkLst>
        <pc:spChg chg="mod">
          <ac:chgData name="Jose Palomino" userId="206526be-19f3-44dd-b92d-d9565a95ed37" providerId="ADAL" clId="{D4F8D311-876D-49A3-AD47-8C68AAC64BDA}" dt="2022-02-02T16:07:07.702" v="1598" actId="1036"/>
          <ac:spMkLst>
            <pc:docMk/>
            <pc:sldMk cId="1783316609" sldId="363"/>
            <ac:spMk id="3" creationId="{C85D59CE-FE47-4D19-99CD-1CDE6589AF80}"/>
          </ac:spMkLst>
        </pc:spChg>
        <pc:spChg chg="mod">
          <ac:chgData name="Jose Palomino" userId="206526be-19f3-44dd-b92d-d9565a95ed37" providerId="ADAL" clId="{D4F8D311-876D-49A3-AD47-8C68AAC64BDA}" dt="2022-02-02T16:07:07.702" v="1598" actId="1036"/>
          <ac:spMkLst>
            <pc:docMk/>
            <pc:sldMk cId="1783316609" sldId="363"/>
            <ac:spMk id="5" creationId="{E2617DC5-47E9-49A6-9662-D313D76B4537}"/>
          </ac:spMkLst>
        </pc:spChg>
        <pc:spChg chg="mod">
          <ac:chgData name="Jose Palomino" userId="206526be-19f3-44dd-b92d-d9565a95ed37" providerId="ADAL" clId="{D4F8D311-876D-49A3-AD47-8C68AAC64BDA}" dt="2022-02-02T16:07:07.702" v="1598" actId="1036"/>
          <ac:spMkLst>
            <pc:docMk/>
            <pc:sldMk cId="1783316609" sldId="363"/>
            <ac:spMk id="7" creationId="{EB574AF9-371C-4DBA-A5A7-0CB31160EDB6}"/>
          </ac:spMkLst>
        </pc:spChg>
        <pc:spChg chg="mod">
          <ac:chgData name="Jose Palomino" userId="206526be-19f3-44dd-b92d-d9565a95ed37" providerId="ADAL" clId="{D4F8D311-876D-49A3-AD47-8C68AAC64BDA}" dt="2022-02-02T16:07:07.702" v="1598" actId="1036"/>
          <ac:spMkLst>
            <pc:docMk/>
            <pc:sldMk cId="1783316609" sldId="363"/>
            <ac:spMk id="8" creationId="{89A3C873-92C8-44AD-89AF-67606786F5F1}"/>
          </ac:spMkLst>
        </pc:spChg>
      </pc:sldChg>
      <pc:sldChg chg="modSp mod">
        <pc:chgData name="Jose Palomino" userId="206526be-19f3-44dd-b92d-d9565a95ed37" providerId="ADAL" clId="{D4F8D311-876D-49A3-AD47-8C68AAC64BDA}" dt="2022-02-02T16:03:21.812" v="1546" actId="115"/>
        <pc:sldMkLst>
          <pc:docMk/>
          <pc:sldMk cId="3112650349" sldId="364"/>
        </pc:sldMkLst>
        <pc:spChg chg="mod">
          <ac:chgData name="Jose Palomino" userId="206526be-19f3-44dd-b92d-d9565a95ed37" providerId="ADAL" clId="{D4F8D311-876D-49A3-AD47-8C68AAC64BDA}" dt="2022-02-02T15:54:28.446" v="966" actId="20577"/>
          <ac:spMkLst>
            <pc:docMk/>
            <pc:sldMk cId="3112650349" sldId="364"/>
            <ac:spMk id="10" creationId="{E2617DC5-47E9-49A6-9662-D313D76B4537}"/>
          </ac:spMkLst>
        </pc:spChg>
        <pc:spChg chg="mod">
          <ac:chgData name="Jose Palomino" userId="206526be-19f3-44dd-b92d-d9565a95ed37" providerId="ADAL" clId="{D4F8D311-876D-49A3-AD47-8C68AAC64BDA}" dt="2022-02-02T16:03:21.812" v="1546" actId="115"/>
          <ac:spMkLst>
            <pc:docMk/>
            <pc:sldMk cId="3112650349" sldId="364"/>
            <ac:spMk id="15" creationId="{F98B4ECE-ECE3-4649-9ACB-07BF485FF9CA}"/>
          </ac:spMkLst>
        </pc:spChg>
        <pc:spChg chg="mod">
          <ac:chgData name="Jose Palomino" userId="206526be-19f3-44dd-b92d-d9565a95ed37" providerId="ADAL" clId="{D4F8D311-876D-49A3-AD47-8C68AAC64BDA}" dt="2022-02-02T15:15:58.622" v="14" actId="20577"/>
          <ac:spMkLst>
            <pc:docMk/>
            <pc:sldMk cId="3112650349" sldId="364"/>
            <ac:spMk id="17" creationId="{00000000-0000-0000-0000-000000000000}"/>
          </ac:spMkLst>
        </pc:spChg>
        <pc:spChg chg="mod">
          <ac:chgData name="Jose Palomino" userId="206526be-19f3-44dd-b92d-d9565a95ed37" providerId="ADAL" clId="{D4F8D311-876D-49A3-AD47-8C68AAC64BDA}" dt="2022-02-02T15:46:31.665" v="837" actId="20577"/>
          <ac:spMkLst>
            <pc:docMk/>
            <pc:sldMk cId="3112650349" sldId="364"/>
            <ac:spMk id="81" creationId="{E2617DC5-47E9-49A6-9662-D313D76B4537}"/>
          </ac:spMkLst>
        </pc:spChg>
        <pc:spChg chg="mod">
          <ac:chgData name="Jose Palomino" userId="206526be-19f3-44dd-b92d-d9565a95ed37" providerId="ADAL" clId="{D4F8D311-876D-49A3-AD47-8C68AAC64BDA}" dt="2022-02-02T15:54:48.674" v="985" actId="14100"/>
          <ac:spMkLst>
            <pc:docMk/>
            <pc:sldMk cId="3112650349" sldId="364"/>
            <ac:spMk id="82" creationId="{C85D59CE-FE47-4D19-99CD-1CDE6589AF80}"/>
          </ac:spMkLst>
        </pc:spChg>
        <pc:spChg chg="mod">
          <ac:chgData name="Jose Palomino" userId="206526be-19f3-44dd-b92d-d9565a95ed37" providerId="ADAL" clId="{D4F8D311-876D-49A3-AD47-8C68AAC64BDA}" dt="2022-02-02T15:54:40.530" v="984" actId="20577"/>
          <ac:spMkLst>
            <pc:docMk/>
            <pc:sldMk cId="3112650349" sldId="364"/>
            <ac:spMk id="83" creationId="{E2617DC5-47E9-49A6-9662-D313D76B4537}"/>
          </ac:spMkLst>
        </pc:spChg>
      </pc:sldChg>
      <pc:sldChg chg="modSp mod">
        <pc:chgData name="Jose Palomino" userId="206526be-19f3-44dd-b92d-d9565a95ed37" providerId="ADAL" clId="{D4F8D311-876D-49A3-AD47-8C68AAC64BDA}" dt="2022-02-02T16:21:40.406" v="1619" actId="11"/>
        <pc:sldMkLst>
          <pc:docMk/>
          <pc:sldMk cId="2417161188" sldId="365"/>
        </pc:sldMkLst>
        <pc:spChg chg="mod">
          <ac:chgData name="Jose Palomino" userId="206526be-19f3-44dd-b92d-d9565a95ed37" providerId="ADAL" clId="{D4F8D311-876D-49A3-AD47-8C68AAC64BDA}" dt="2022-02-02T16:21:40.406" v="1619" actId="11"/>
          <ac:spMkLst>
            <pc:docMk/>
            <pc:sldMk cId="2417161188" sldId="365"/>
            <ac:spMk id="5" creationId="{E2617DC5-47E9-49A6-9662-D313D76B4537}"/>
          </ac:spMkLst>
        </pc:spChg>
      </pc:sldChg>
      <pc:sldChg chg="modSp mod">
        <pc:chgData name="Jose Palomino" userId="206526be-19f3-44dd-b92d-d9565a95ed37" providerId="ADAL" clId="{D4F8D311-876D-49A3-AD47-8C68AAC64BDA}" dt="2022-02-02T16:21:22.400" v="1617" actId="11"/>
        <pc:sldMkLst>
          <pc:docMk/>
          <pc:sldMk cId="657840877" sldId="366"/>
        </pc:sldMkLst>
        <pc:spChg chg="mod">
          <ac:chgData name="Jose Palomino" userId="206526be-19f3-44dd-b92d-d9565a95ed37" providerId="ADAL" clId="{D4F8D311-876D-49A3-AD47-8C68AAC64BDA}" dt="2022-02-02T16:21:22.400" v="1617" actId="11"/>
          <ac:spMkLst>
            <pc:docMk/>
            <pc:sldMk cId="657840877" sldId="366"/>
            <ac:spMk id="5" creationId="{E2617DC5-47E9-49A6-9662-D313D76B4537}"/>
          </ac:spMkLst>
        </pc:spChg>
      </pc:sldChg>
      <pc:sldChg chg="modSp add mod">
        <pc:chgData name="Jose Palomino" userId="206526be-19f3-44dd-b92d-d9565a95ed37" providerId="ADAL" clId="{D4F8D311-876D-49A3-AD47-8C68AAC64BDA}" dt="2022-02-02T16:22:13.017" v="1622" actId="11"/>
        <pc:sldMkLst>
          <pc:docMk/>
          <pc:sldMk cId="2806321844" sldId="367"/>
        </pc:sldMkLst>
        <pc:spChg chg="mod">
          <ac:chgData name="Jose Palomino" userId="206526be-19f3-44dd-b92d-d9565a95ed37" providerId="ADAL" clId="{D4F8D311-876D-49A3-AD47-8C68AAC64BDA}" dt="2022-02-02T16:22:13.017" v="1622" actId="11"/>
          <ac:spMkLst>
            <pc:docMk/>
            <pc:sldMk cId="2806321844" sldId="367"/>
            <ac:spMk id="5" creationId="{E2617DC5-47E9-49A6-9662-D313D76B4537}"/>
          </ac:spMkLst>
        </pc:spChg>
      </pc:sldChg>
      <pc:sldChg chg="modSp add mod">
        <pc:chgData name="Jose Palomino" userId="206526be-19f3-44dd-b92d-d9565a95ed37" providerId="ADAL" clId="{D4F8D311-876D-49A3-AD47-8C68AAC64BDA}" dt="2022-02-02T16:23:11.789" v="1627" actId="11"/>
        <pc:sldMkLst>
          <pc:docMk/>
          <pc:sldMk cId="1615980989" sldId="368"/>
        </pc:sldMkLst>
        <pc:spChg chg="mod">
          <ac:chgData name="Jose Palomino" userId="206526be-19f3-44dd-b92d-d9565a95ed37" providerId="ADAL" clId="{D4F8D311-876D-49A3-AD47-8C68AAC64BDA}" dt="2022-02-02T16:23:11.789" v="1627" actId="11"/>
          <ac:spMkLst>
            <pc:docMk/>
            <pc:sldMk cId="1615980989" sldId="368"/>
            <ac:spMk id="5" creationId="{E2617DC5-47E9-49A6-9662-D313D76B4537}"/>
          </ac:spMkLst>
        </pc:spChg>
      </pc:sldChg>
    </pc:docChg>
  </pc:docChgLst>
  <pc:docChgLst>
    <pc:chgData name="Jose Palomino" userId="206526be-19f3-44dd-b92d-d9565a95ed37" providerId="ADAL" clId="{4808204E-37A1-4204-B133-0AD7E31A8438}"/>
    <pc:docChg chg="modSld">
      <pc:chgData name="Jose Palomino" userId="206526be-19f3-44dd-b92d-d9565a95ed37" providerId="ADAL" clId="{4808204E-37A1-4204-B133-0AD7E31A8438}" dt="2022-02-16T16:57:32.370" v="0" actId="1076"/>
      <pc:docMkLst>
        <pc:docMk/>
      </pc:docMkLst>
      <pc:sldChg chg="modSp mod">
        <pc:chgData name="Jose Palomino" userId="206526be-19f3-44dd-b92d-d9565a95ed37" providerId="ADAL" clId="{4808204E-37A1-4204-B133-0AD7E31A8438}" dt="2022-02-16T16:57:32.370" v="0" actId="1076"/>
        <pc:sldMkLst>
          <pc:docMk/>
          <pc:sldMk cId="1453625414" sldId="369"/>
        </pc:sldMkLst>
        <pc:spChg chg="mod">
          <ac:chgData name="Jose Palomino" userId="206526be-19f3-44dd-b92d-d9565a95ed37" providerId="ADAL" clId="{4808204E-37A1-4204-B133-0AD7E31A8438}" dt="2022-02-16T16:57:32.370" v="0" actId="1076"/>
          <ac:spMkLst>
            <pc:docMk/>
            <pc:sldMk cId="1453625414" sldId="369"/>
            <ac:spMk id="119" creationId="{00000000-0000-0000-0000-000000000000}"/>
          </ac:spMkLst>
        </pc:spChg>
      </pc:sldChg>
    </pc:docChg>
  </pc:docChgLst>
  <pc:docChgLst>
    <pc:chgData name="Jose Palomino" userId="206526be-19f3-44dd-b92d-d9565a95ed37" providerId="ADAL" clId="{1F3CA30F-29F7-4B2F-BD91-5B8102046A30}"/>
    <pc:docChg chg="modSld">
      <pc:chgData name="Jose Palomino" userId="206526be-19f3-44dd-b92d-d9565a95ed37" providerId="ADAL" clId="{1F3CA30F-29F7-4B2F-BD91-5B8102046A30}" dt="2021-07-01T02:52:58.088" v="0" actId="1076"/>
      <pc:docMkLst>
        <pc:docMk/>
      </pc:docMkLst>
      <pc:sldChg chg="modSp mod">
        <pc:chgData name="Jose Palomino" userId="206526be-19f3-44dd-b92d-d9565a95ed37" providerId="ADAL" clId="{1F3CA30F-29F7-4B2F-BD91-5B8102046A30}" dt="2021-07-01T02:52:58.088" v="0" actId="1076"/>
        <pc:sldMkLst>
          <pc:docMk/>
          <pc:sldMk cId="1846785049" sldId="329"/>
        </pc:sldMkLst>
        <pc:spChg chg="mod">
          <ac:chgData name="Jose Palomino" userId="206526be-19f3-44dd-b92d-d9565a95ed37" providerId="ADAL" clId="{1F3CA30F-29F7-4B2F-BD91-5B8102046A30}" dt="2021-07-01T02:52:58.088" v="0" actId="1076"/>
          <ac:spMkLst>
            <pc:docMk/>
            <pc:sldMk cId="1846785049" sldId="329"/>
            <ac:spMk id="7" creationId="{A56CDADB-31AE-4584-8F0A-A488053394C4}"/>
          </ac:spMkLst>
        </pc:spChg>
      </pc:sldChg>
    </pc:docChg>
  </pc:docChgLst>
  <pc:docChgLst>
    <pc:chgData name="Jose Palomino" userId="206526be-19f3-44dd-b92d-d9565a95ed37" providerId="ADAL" clId="{5AED29AA-3B36-465C-84A9-37995DEC74EA}"/>
    <pc:docChg chg="custSel addSld delSld modSld">
      <pc:chgData name="Jose Palomino" userId="206526be-19f3-44dd-b92d-d9565a95ed37" providerId="ADAL" clId="{5AED29AA-3B36-465C-84A9-37995DEC74EA}" dt="2021-05-20T19:30:22.060" v="1091" actId="207"/>
      <pc:docMkLst>
        <pc:docMk/>
      </pc:docMkLst>
      <pc:sldChg chg="modSp mod">
        <pc:chgData name="Jose Palomino" userId="206526be-19f3-44dd-b92d-d9565a95ed37" providerId="ADAL" clId="{5AED29AA-3B36-465C-84A9-37995DEC74EA}" dt="2021-05-13T16:04:58.703" v="10" actId="6549"/>
        <pc:sldMkLst>
          <pc:docMk/>
          <pc:sldMk cId="1929714402" sldId="256"/>
        </pc:sldMkLst>
        <pc:spChg chg="mod">
          <ac:chgData name="Jose Palomino" userId="206526be-19f3-44dd-b92d-d9565a95ed37" providerId="ADAL" clId="{5AED29AA-3B36-465C-84A9-37995DEC74EA}" dt="2021-05-13T16:04:58.703" v="10" actId="6549"/>
          <ac:spMkLst>
            <pc:docMk/>
            <pc:sldMk cId="1929714402" sldId="256"/>
            <ac:spMk id="2" creationId="{9352A549-E604-43C6-ADA3-61F3EC69D54D}"/>
          </ac:spMkLst>
        </pc:spChg>
      </pc:sldChg>
      <pc:sldChg chg="addSp modSp mod">
        <pc:chgData name="Jose Palomino" userId="206526be-19f3-44dd-b92d-d9565a95ed37" providerId="ADAL" clId="{5AED29AA-3B36-465C-84A9-37995DEC74EA}" dt="2021-05-20T19:25:47.399" v="878" actId="207"/>
        <pc:sldMkLst>
          <pc:docMk/>
          <pc:sldMk cId="80923623" sldId="326"/>
        </pc:sldMkLst>
        <pc:spChg chg="mod">
          <ac:chgData name="Jose Palomino" userId="206526be-19f3-44dd-b92d-d9565a95ed37" providerId="ADAL" clId="{5AED29AA-3B36-465C-84A9-37995DEC74EA}" dt="2021-05-20T19:25:28.444" v="870" actId="207"/>
          <ac:spMkLst>
            <pc:docMk/>
            <pc:sldMk cId="80923623" sldId="326"/>
            <ac:spMk id="2" creationId="{10EA9DF2-1198-44CA-BC21-76388C69B785}"/>
          </ac:spMkLst>
        </pc:spChg>
        <pc:spChg chg="add mod">
          <ac:chgData name="Jose Palomino" userId="206526be-19f3-44dd-b92d-d9565a95ed37" providerId="ADAL" clId="{5AED29AA-3B36-465C-84A9-37995DEC74EA}" dt="2021-05-20T19:25:47.399" v="878" actId="207"/>
          <ac:spMkLst>
            <pc:docMk/>
            <pc:sldMk cId="80923623" sldId="326"/>
            <ac:spMk id="4" creationId="{124EEC82-B237-4088-82E2-65B5DECA9BAC}"/>
          </ac:spMkLst>
        </pc:spChg>
      </pc:sldChg>
      <pc:sldChg chg="modSp mod">
        <pc:chgData name="Jose Palomino" userId="206526be-19f3-44dd-b92d-d9565a95ed37" providerId="ADAL" clId="{5AED29AA-3B36-465C-84A9-37995DEC74EA}" dt="2021-05-20T18:37:51.565" v="13" actId="1076"/>
        <pc:sldMkLst>
          <pc:docMk/>
          <pc:sldMk cId="1846785049" sldId="329"/>
        </pc:sldMkLst>
        <pc:spChg chg="mod">
          <ac:chgData name="Jose Palomino" userId="206526be-19f3-44dd-b92d-d9565a95ed37" providerId="ADAL" clId="{5AED29AA-3B36-465C-84A9-37995DEC74EA}" dt="2021-05-20T18:37:51.565" v="13" actId="1076"/>
          <ac:spMkLst>
            <pc:docMk/>
            <pc:sldMk cId="1846785049" sldId="329"/>
            <ac:spMk id="7" creationId="{A56CDADB-31AE-4584-8F0A-A488053394C4}"/>
          </ac:spMkLst>
        </pc:spChg>
      </pc:sldChg>
      <pc:sldChg chg="del">
        <pc:chgData name="Jose Palomino" userId="206526be-19f3-44dd-b92d-d9565a95ed37" providerId="ADAL" clId="{5AED29AA-3B36-465C-84A9-37995DEC74EA}" dt="2021-05-13T16:05:31.699" v="11" actId="47"/>
        <pc:sldMkLst>
          <pc:docMk/>
          <pc:sldMk cId="1560661494" sldId="330"/>
        </pc:sldMkLst>
      </pc:sldChg>
      <pc:sldChg chg="modSp mod">
        <pc:chgData name="Jose Palomino" userId="206526be-19f3-44dd-b92d-d9565a95ed37" providerId="ADAL" clId="{5AED29AA-3B36-465C-84A9-37995DEC74EA}" dt="2021-05-20T19:10:23.912" v="440" actId="20577"/>
        <pc:sldMkLst>
          <pc:docMk/>
          <pc:sldMk cId="2295105898" sldId="331"/>
        </pc:sldMkLst>
        <pc:graphicFrameChg chg="mod modGraphic">
          <ac:chgData name="Jose Palomino" userId="206526be-19f3-44dd-b92d-d9565a95ed37" providerId="ADAL" clId="{5AED29AA-3B36-465C-84A9-37995DEC74EA}" dt="2021-05-20T19:10:23.912" v="440" actId="20577"/>
          <ac:graphicFrameMkLst>
            <pc:docMk/>
            <pc:sldMk cId="2295105898" sldId="331"/>
            <ac:graphicFrameMk id="8" creationId="{5E786044-309C-4D76-B17B-D3F6297BDDEE}"/>
          </ac:graphicFrameMkLst>
        </pc:graphicFrameChg>
      </pc:sldChg>
      <pc:sldChg chg="delSp modSp add mod">
        <pc:chgData name="Jose Palomino" userId="206526be-19f3-44dd-b92d-d9565a95ed37" providerId="ADAL" clId="{5AED29AA-3B36-465C-84A9-37995DEC74EA}" dt="2021-05-20T19:30:22.060" v="1091" actId="207"/>
        <pc:sldMkLst>
          <pc:docMk/>
          <pc:sldMk cId="3780138085" sldId="332"/>
        </pc:sldMkLst>
        <pc:spChg chg="mod">
          <ac:chgData name="Jose Palomino" userId="206526be-19f3-44dd-b92d-d9565a95ed37" providerId="ADAL" clId="{5AED29AA-3B36-465C-84A9-37995DEC74EA}" dt="2021-05-20T19:30:22.060" v="1091" actId="207"/>
          <ac:spMkLst>
            <pc:docMk/>
            <pc:sldMk cId="3780138085" sldId="332"/>
            <ac:spMk id="2" creationId="{10EA9DF2-1198-44CA-BC21-76388C69B785}"/>
          </ac:spMkLst>
        </pc:spChg>
        <pc:spChg chg="del">
          <ac:chgData name="Jose Palomino" userId="206526be-19f3-44dd-b92d-d9565a95ed37" providerId="ADAL" clId="{5AED29AA-3B36-465C-84A9-37995DEC74EA}" dt="2021-05-20T19:28:36.645" v="962" actId="478"/>
          <ac:spMkLst>
            <pc:docMk/>
            <pc:sldMk cId="3780138085" sldId="332"/>
            <ac:spMk id="4" creationId="{124EEC82-B237-4088-82E2-65B5DECA9BAC}"/>
          </ac:spMkLst>
        </pc:spChg>
      </pc:sldChg>
    </pc:docChg>
  </pc:docChgLst>
  <pc:docChgLst>
    <pc:chgData name="Jose Palomino" userId="206526be-19f3-44dd-b92d-d9565a95ed37" providerId="ADAL" clId="{438A9E35-006B-43B2-9CD2-27B995E1FF32}"/>
    <pc:docChg chg="modSld">
      <pc:chgData name="Jose Palomino" userId="206526be-19f3-44dd-b92d-d9565a95ed37" providerId="ADAL" clId="{438A9E35-006B-43B2-9CD2-27B995E1FF32}" dt="2022-03-02T16:16:02.057" v="2492" actId="20577"/>
      <pc:docMkLst>
        <pc:docMk/>
      </pc:docMkLst>
      <pc:sldChg chg="addSp modSp mod">
        <pc:chgData name="Jose Palomino" userId="206526be-19f3-44dd-b92d-d9565a95ed37" providerId="ADAL" clId="{438A9E35-006B-43B2-9CD2-27B995E1FF32}" dt="2022-03-02T16:03:20.188" v="1998" actId="1076"/>
        <pc:sldMkLst>
          <pc:docMk/>
          <pc:sldMk cId="4223570417" sldId="355"/>
        </pc:sldMkLst>
        <pc:spChg chg="mod">
          <ac:chgData name="Jose Palomino" userId="206526be-19f3-44dd-b92d-d9565a95ed37" providerId="ADAL" clId="{438A9E35-006B-43B2-9CD2-27B995E1FF32}" dt="2022-03-02T16:02:38.861" v="1992" actId="1076"/>
          <ac:spMkLst>
            <pc:docMk/>
            <pc:sldMk cId="4223570417" sldId="355"/>
            <ac:spMk id="8" creationId="{00000000-0000-0000-0000-000000000000}"/>
          </ac:spMkLst>
        </pc:spChg>
        <pc:spChg chg="mod">
          <ac:chgData name="Jose Palomino" userId="206526be-19f3-44dd-b92d-d9565a95ed37" providerId="ADAL" clId="{438A9E35-006B-43B2-9CD2-27B995E1FF32}" dt="2022-03-02T16:02:49.784" v="1993" actId="1076"/>
          <ac:spMkLst>
            <pc:docMk/>
            <pc:sldMk cId="4223570417" sldId="355"/>
            <ac:spMk id="9" creationId="{00000000-0000-0000-0000-000000000000}"/>
          </ac:spMkLst>
        </pc:spChg>
        <pc:spChg chg="add mod">
          <ac:chgData name="Jose Palomino" userId="206526be-19f3-44dd-b92d-d9565a95ed37" providerId="ADAL" clId="{438A9E35-006B-43B2-9CD2-27B995E1FF32}" dt="2022-03-02T16:03:20.188" v="1998" actId="1076"/>
          <ac:spMkLst>
            <pc:docMk/>
            <pc:sldMk cId="4223570417" sldId="355"/>
            <ac:spMk id="11" creationId="{19D47CB3-E6F1-4493-B6AF-426E99629236}"/>
          </ac:spMkLst>
        </pc:spChg>
        <pc:graphicFrameChg chg="mod modGraphic">
          <ac:chgData name="Jose Palomino" userId="206526be-19f3-44dd-b92d-d9565a95ed37" providerId="ADAL" clId="{438A9E35-006B-43B2-9CD2-27B995E1FF32}" dt="2022-03-02T16:01:35.003" v="1985" actId="6549"/>
          <ac:graphicFrameMkLst>
            <pc:docMk/>
            <pc:sldMk cId="4223570417" sldId="355"/>
            <ac:graphicFrameMk id="3" creationId="{7859C871-B5E5-4142-8742-9A5F3C4A8887}"/>
          </ac:graphicFrameMkLst>
        </pc:graphicFrameChg>
        <pc:picChg chg="mod">
          <ac:chgData name="Jose Palomino" userId="206526be-19f3-44dd-b92d-d9565a95ed37" providerId="ADAL" clId="{438A9E35-006B-43B2-9CD2-27B995E1FF32}" dt="2022-03-02T16:01:53.479" v="1991" actId="1076"/>
          <ac:picMkLst>
            <pc:docMk/>
            <pc:sldMk cId="4223570417" sldId="355"/>
            <ac:picMk id="10" creationId="{B98ED993-4F5E-4D7B-A5F1-D41BCC19A457}"/>
          </ac:picMkLst>
        </pc:picChg>
      </pc:sldChg>
      <pc:sldChg chg="modSp mod">
        <pc:chgData name="Jose Palomino" userId="206526be-19f3-44dd-b92d-d9565a95ed37" providerId="ADAL" clId="{438A9E35-006B-43B2-9CD2-27B995E1FF32}" dt="2022-03-02T16:16:02.057" v="2492" actId="20577"/>
        <pc:sldMkLst>
          <pc:docMk/>
          <pc:sldMk cId="3871344331" sldId="356"/>
        </pc:sldMkLst>
        <pc:spChg chg="mod">
          <ac:chgData name="Jose Palomino" userId="206526be-19f3-44dd-b92d-d9565a95ed37" providerId="ADAL" clId="{438A9E35-006B-43B2-9CD2-27B995E1FF32}" dt="2022-03-02T16:11:28.421" v="2450" actId="14100"/>
          <ac:spMkLst>
            <pc:docMk/>
            <pc:sldMk cId="3871344331" sldId="356"/>
            <ac:spMk id="3" creationId="{C85D59CE-FE47-4D19-99CD-1CDE6589AF80}"/>
          </ac:spMkLst>
        </pc:spChg>
        <pc:spChg chg="mod">
          <ac:chgData name="Jose Palomino" userId="206526be-19f3-44dd-b92d-d9565a95ed37" providerId="ADAL" clId="{438A9E35-006B-43B2-9CD2-27B995E1FF32}" dt="2022-03-02T16:16:02.057" v="2492" actId="20577"/>
          <ac:spMkLst>
            <pc:docMk/>
            <pc:sldMk cId="3871344331" sldId="356"/>
            <ac:spMk id="4" creationId="{E2617DC5-47E9-49A6-9662-D313D76B4537}"/>
          </ac:spMkLst>
        </pc:spChg>
      </pc:sldChg>
      <pc:sldChg chg="modSp mod">
        <pc:chgData name="Jose Palomino" userId="206526be-19f3-44dd-b92d-d9565a95ed37" providerId="ADAL" clId="{438A9E35-006B-43B2-9CD2-27B995E1FF32}" dt="2022-03-02T15:30:10.871" v="688" actId="1036"/>
        <pc:sldMkLst>
          <pc:docMk/>
          <pc:sldMk cId="948133311" sldId="361"/>
        </pc:sldMkLst>
        <pc:spChg chg="mod">
          <ac:chgData name="Jose Palomino" userId="206526be-19f3-44dd-b92d-d9565a95ed37" providerId="ADAL" clId="{438A9E35-006B-43B2-9CD2-27B995E1FF32}" dt="2022-03-02T15:30:10.871" v="688" actId="1036"/>
          <ac:spMkLst>
            <pc:docMk/>
            <pc:sldMk cId="948133311" sldId="361"/>
            <ac:spMk id="10" creationId="{E2617DC5-47E9-49A6-9662-D313D76B4537}"/>
          </ac:spMkLst>
        </pc:spChg>
        <pc:spChg chg="mod">
          <ac:chgData name="Jose Palomino" userId="206526be-19f3-44dd-b92d-d9565a95ed37" providerId="ADAL" clId="{438A9E35-006B-43B2-9CD2-27B995E1FF32}" dt="2022-03-02T15:30:10.871" v="688" actId="1036"/>
          <ac:spMkLst>
            <pc:docMk/>
            <pc:sldMk cId="948133311" sldId="361"/>
            <ac:spMk id="11" creationId="{C85D59CE-FE47-4D19-99CD-1CDE6589AF80}"/>
          </ac:spMkLst>
        </pc:spChg>
        <pc:spChg chg="mod">
          <ac:chgData name="Jose Palomino" userId="206526be-19f3-44dd-b92d-d9565a95ed37" providerId="ADAL" clId="{438A9E35-006B-43B2-9CD2-27B995E1FF32}" dt="2022-03-02T15:30:10.871" v="688" actId="1036"/>
          <ac:spMkLst>
            <pc:docMk/>
            <pc:sldMk cId="948133311" sldId="361"/>
            <ac:spMk id="12" creationId="{C85D59CE-FE47-4D19-99CD-1CDE6589AF80}"/>
          </ac:spMkLst>
        </pc:spChg>
        <pc:spChg chg="mod">
          <ac:chgData name="Jose Palomino" userId="206526be-19f3-44dd-b92d-d9565a95ed37" providerId="ADAL" clId="{438A9E35-006B-43B2-9CD2-27B995E1FF32}" dt="2022-03-02T15:30:10.871" v="688" actId="1036"/>
          <ac:spMkLst>
            <pc:docMk/>
            <pc:sldMk cId="948133311" sldId="361"/>
            <ac:spMk id="15" creationId="{D7D5A33C-4B66-42C3-8B94-D41964CC456F}"/>
          </ac:spMkLst>
        </pc:spChg>
        <pc:spChg chg="mod">
          <ac:chgData name="Jose Palomino" userId="206526be-19f3-44dd-b92d-d9565a95ed37" providerId="ADAL" clId="{438A9E35-006B-43B2-9CD2-27B995E1FF32}" dt="2022-03-02T15:30:10.871" v="688" actId="1036"/>
          <ac:spMkLst>
            <pc:docMk/>
            <pc:sldMk cId="948133311" sldId="361"/>
            <ac:spMk id="16" creationId="{C85D59CE-FE47-4D19-99CD-1CDE6589AF80}"/>
          </ac:spMkLst>
        </pc:spChg>
        <pc:spChg chg="mod">
          <ac:chgData name="Jose Palomino" userId="206526be-19f3-44dd-b92d-d9565a95ed37" providerId="ADAL" clId="{438A9E35-006B-43B2-9CD2-27B995E1FF32}" dt="2022-03-02T15:30:10.871" v="688" actId="1036"/>
          <ac:spMkLst>
            <pc:docMk/>
            <pc:sldMk cId="948133311" sldId="361"/>
            <ac:spMk id="17" creationId="{00000000-0000-0000-0000-000000000000}"/>
          </ac:spMkLst>
        </pc:spChg>
        <pc:spChg chg="mod">
          <ac:chgData name="Jose Palomino" userId="206526be-19f3-44dd-b92d-d9565a95ed37" providerId="ADAL" clId="{438A9E35-006B-43B2-9CD2-27B995E1FF32}" dt="2022-03-02T15:30:10.871" v="688" actId="1036"/>
          <ac:spMkLst>
            <pc:docMk/>
            <pc:sldMk cId="948133311" sldId="361"/>
            <ac:spMk id="18" creationId="{E2617DC5-47E9-49A6-9662-D313D76B4537}"/>
          </ac:spMkLst>
        </pc:spChg>
        <pc:spChg chg="mod">
          <ac:chgData name="Jose Palomino" userId="206526be-19f3-44dd-b92d-d9565a95ed37" providerId="ADAL" clId="{438A9E35-006B-43B2-9CD2-27B995E1FF32}" dt="2022-03-02T15:30:10.871" v="688" actId="1036"/>
          <ac:spMkLst>
            <pc:docMk/>
            <pc:sldMk cId="948133311" sldId="361"/>
            <ac:spMk id="81" creationId="{E2617DC5-47E9-49A6-9662-D313D76B4537}"/>
          </ac:spMkLst>
        </pc:spChg>
        <pc:spChg chg="mod">
          <ac:chgData name="Jose Palomino" userId="206526be-19f3-44dd-b92d-d9565a95ed37" providerId="ADAL" clId="{438A9E35-006B-43B2-9CD2-27B995E1FF32}" dt="2022-03-02T15:30:10.871" v="688" actId="1036"/>
          <ac:spMkLst>
            <pc:docMk/>
            <pc:sldMk cId="948133311" sldId="361"/>
            <ac:spMk id="82" creationId="{C85D59CE-FE47-4D19-99CD-1CDE6589AF80}"/>
          </ac:spMkLst>
        </pc:spChg>
      </pc:sldChg>
      <pc:sldChg chg="modSp">
        <pc:chgData name="Jose Palomino" userId="206526be-19f3-44dd-b92d-d9565a95ed37" providerId="ADAL" clId="{438A9E35-006B-43B2-9CD2-27B995E1FF32}" dt="2022-03-02T15:17:11.915" v="14" actId="20577"/>
        <pc:sldMkLst>
          <pc:docMk/>
          <pc:sldMk cId="3112650349" sldId="364"/>
        </pc:sldMkLst>
        <pc:spChg chg="mod">
          <ac:chgData name="Jose Palomino" userId="206526be-19f3-44dd-b92d-d9565a95ed37" providerId="ADAL" clId="{438A9E35-006B-43B2-9CD2-27B995E1FF32}" dt="2022-03-02T15:17:11.915" v="14" actId="20577"/>
          <ac:spMkLst>
            <pc:docMk/>
            <pc:sldMk cId="3112650349" sldId="364"/>
            <ac:spMk id="81" creationId="{E2617DC5-47E9-49A6-9662-D313D76B4537}"/>
          </ac:spMkLst>
        </pc:spChg>
      </pc:sldChg>
    </pc:docChg>
  </pc:docChgLst>
  <pc:docChgLst>
    <pc:chgData name="Jose Palomino" userId="206526be-19f3-44dd-b92d-d9565a95ed37" providerId="ADAL" clId="{72C3CFBA-193F-46C9-8F73-4189FE9E6F36}"/>
    <pc:docChg chg="undo custSel addSld delSld modSld sldOrd">
      <pc:chgData name="Jose Palomino" userId="206526be-19f3-44dd-b92d-d9565a95ed37" providerId="ADAL" clId="{72C3CFBA-193F-46C9-8F73-4189FE9E6F36}" dt="2021-10-19T20:58:01.883" v="1488"/>
      <pc:docMkLst>
        <pc:docMk/>
      </pc:docMkLst>
      <pc:sldChg chg="modSp mod">
        <pc:chgData name="Jose Palomino" userId="206526be-19f3-44dd-b92d-d9565a95ed37" providerId="ADAL" clId="{72C3CFBA-193F-46C9-8F73-4189FE9E6F36}" dt="2021-10-19T16:55:05.038" v="5" actId="404"/>
        <pc:sldMkLst>
          <pc:docMk/>
          <pc:sldMk cId="1929714402" sldId="256"/>
        </pc:sldMkLst>
        <pc:spChg chg="mod">
          <ac:chgData name="Jose Palomino" userId="206526be-19f3-44dd-b92d-d9565a95ed37" providerId="ADAL" clId="{72C3CFBA-193F-46C9-8F73-4189FE9E6F36}" dt="2021-10-19T16:55:05.038" v="5" actId="404"/>
          <ac:spMkLst>
            <pc:docMk/>
            <pc:sldMk cId="1929714402" sldId="256"/>
            <ac:spMk id="2" creationId="{9352A549-E604-43C6-ADA3-61F3EC69D54D}"/>
          </ac:spMkLst>
        </pc:spChg>
      </pc:sldChg>
      <pc:sldChg chg="delSp modSp mod">
        <pc:chgData name="Jose Palomino" userId="206526be-19f3-44dd-b92d-d9565a95ed37" providerId="ADAL" clId="{72C3CFBA-193F-46C9-8F73-4189FE9E6F36}" dt="2021-10-19T19:55:00.631" v="1121" actId="403"/>
        <pc:sldMkLst>
          <pc:docMk/>
          <pc:sldMk cId="3535275093" sldId="319"/>
        </pc:sldMkLst>
        <pc:spChg chg="mod">
          <ac:chgData name="Jose Palomino" userId="206526be-19f3-44dd-b92d-d9565a95ed37" providerId="ADAL" clId="{72C3CFBA-193F-46C9-8F73-4189FE9E6F36}" dt="2021-10-19T19:55:00.631" v="1121" actId="403"/>
          <ac:spMkLst>
            <pc:docMk/>
            <pc:sldMk cId="3535275093" sldId="319"/>
            <ac:spMk id="3" creationId="{16A94EE5-33CD-45DC-ADB8-167B960004DA}"/>
          </ac:spMkLst>
        </pc:spChg>
        <pc:spChg chg="mod">
          <ac:chgData name="Jose Palomino" userId="206526be-19f3-44dd-b92d-d9565a95ed37" providerId="ADAL" clId="{72C3CFBA-193F-46C9-8F73-4189FE9E6F36}" dt="2021-10-19T19:55:00.631" v="1121" actId="403"/>
          <ac:spMkLst>
            <pc:docMk/>
            <pc:sldMk cId="3535275093" sldId="319"/>
            <ac:spMk id="4" creationId="{3B50F68B-564F-4AA9-8362-FF913FCE7268}"/>
          </ac:spMkLst>
        </pc:spChg>
        <pc:spChg chg="mod">
          <ac:chgData name="Jose Palomino" userId="206526be-19f3-44dd-b92d-d9565a95ed37" providerId="ADAL" clId="{72C3CFBA-193F-46C9-8F73-4189FE9E6F36}" dt="2021-10-19T19:55:00.631" v="1121" actId="403"/>
          <ac:spMkLst>
            <pc:docMk/>
            <pc:sldMk cId="3535275093" sldId="319"/>
            <ac:spMk id="5" creationId="{6EF78644-B068-442D-B06A-7D5C2839B7DB}"/>
          </ac:spMkLst>
        </pc:spChg>
        <pc:spChg chg="mod">
          <ac:chgData name="Jose Palomino" userId="206526be-19f3-44dd-b92d-d9565a95ed37" providerId="ADAL" clId="{72C3CFBA-193F-46C9-8F73-4189FE9E6F36}" dt="2021-10-19T19:55:00.631" v="1121" actId="403"/>
          <ac:spMkLst>
            <pc:docMk/>
            <pc:sldMk cId="3535275093" sldId="319"/>
            <ac:spMk id="6" creationId="{42256E06-986F-4276-9144-59497AE12D82}"/>
          </ac:spMkLst>
        </pc:spChg>
        <pc:picChg chg="del">
          <ac:chgData name="Jose Palomino" userId="206526be-19f3-44dd-b92d-d9565a95ed37" providerId="ADAL" clId="{72C3CFBA-193F-46C9-8F73-4189FE9E6F36}" dt="2021-10-19T16:59:38.879" v="229" actId="478"/>
          <ac:picMkLst>
            <pc:docMk/>
            <pc:sldMk cId="3535275093" sldId="319"/>
            <ac:picMk id="8" creationId="{4AAF54A4-391C-447A-8EB5-B985DFAEAFF5}"/>
          </ac:picMkLst>
        </pc:picChg>
      </pc:sldChg>
      <pc:sldChg chg="modSp add mod modClrScheme chgLayout">
        <pc:chgData name="Jose Palomino" userId="206526be-19f3-44dd-b92d-d9565a95ed37" providerId="ADAL" clId="{72C3CFBA-193F-46C9-8F73-4189FE9E6F36}" dt="2021-10-19T20:11:36.228" v="1486" actId="20577"/>
        <pc:sldMkLst>
          <pc:docMk/>
          <pc:sldMk cId="80923623" sldId="326"/>
        </pc:sldMkLst>
        <pc:spChg chg="mod">
          <ac:chgData name="Jose Palomino" userId="206526be-19f3-44dd-b92d-d9565a95ed37" providerId="ADAL" clId="{72C3CFBA-193F-46C9-8F73-4189FE9E6F36}" dt="2021-10-19T20:11:36.228" v="1486" actId="20577"/>
          <ac:spMkLst>
            <pc:docMk/>
            <pc:sldMk cId="80923623" sldId="326"/>
            <ac:spMk id="2" creationId="{10EA9DF2-1198-44CA-BC21-76388C69B785}"/>
          </ac:spMkLst>
        </pc:spChg>
      </pc:sldChg>
      <pc:sldChg chg="addSp delSp modSp add del mod modAnim">
        <pc:chgData name="Jose Palomino" userId="206526be-19f3-44dd-b92d-d9565a95ed37" providerId="ADAL" clId="{72C3CFBA-193F-46C9-8F73-4189FE9E6F36}" dt="2021-10-19T20:58:01.883" v="1488"/>
        <pc:sldMkLst>
          <pc:docMk/>
          <pc:sldMk cId="1846785049" sldId="329"/>
        </pc:sldMkLst>
        <pc:spChg chg="mod">
          <ac:chgData name="Jose Palomino" userId="206526be-19f3-44dd-b92d-d9565a95ed37" providerId="ADAL" clId="{72C3CFBA-193F-46C9-8F73-4189FE9E6F36}" dt="2021-10-19T19:31:09.490" v="917" actId="14100"/>
          <ac:spMkLst>
            <pc:docMk/>
            <pc:sldMk cId="1846785049" sldId="329"/>
            <ac:spMk id="5" creationId="{9FA51D0D-72BE-41E3-996F-50E8E4C448CC}"/>
          </ac:spMkLst>
        </pc:spChg>
        <pc:spChg chg="mod ord">
          <ac:chgData name="Jose Palomino" userId="206526be-19f3-44dd-b92d-d9565a95ed37" providerId="ADAL" clId="{72C3CFBA-193F-46C9-8F73-4189FE9E6F36}" dt="2021-10-19T19:36:08.314" v="1013" actId="1035"/>
          <ac:spMkLst>
            <pc:docMk/>
            <pc:sldMk cId="1846785049" sldId="329"/>
            <ac:spMk id="7" creationId="{A56CDADB-31AE-4584-8F0A-A488053394C4}"/>
          </ac:spMkLst>
        </pc:spChg>
        <pc:spChg chg="add mod">
          <ac:chgData name="Jose Palomino" userId="206526be-19f3-44dd-b92d-d9565a95ed37" providerId="ADAL" clId="{72C3CFBA-193F-46C9-8F73-4189FE9E6F36}" dt="2021-10-19T19:30:09.976" v="900" actId="113"/>
          <ac:spMkLst>
            <pc:docMk/>
            <pc:sldMk cId="1846785049" sldId="329"/>
            <ac:spMk id="13" creationId="{7C99A1F7-888C-48A1-8431-C924FCD17AD4}"/>
          </ac:spMkLst>
        </pc:spChg>
        <pc:picChg chg="add del mod">
          <ac:chgData name="Jose Palomino" userId="206526be-19f3-44dd-b92d-d9565a95ed37" providerId="ADAL" clId="{72C3CFBA-193F-46C9-8F73-4189FE9E6F36}" dt="2021-10-19T18:56:40.467" v="832" actId="478"/>
          <ac:picMkLst>
            <pc:docMk/>
            <pc:sldMk cId="1846785049" sldId="329"/>
            <ac:picMk id="3" creationId="{04BFED1A-82A7-46BF-9D66-73C1E01BDA06}"/>
          </ac:picMkLst>
        </pc:picChg>
        <pc:picChg chg="del">
          <ac:chgData name="Jose Palomino" userId="206526be-19f3-44dd-b92d-d9565a95ed37" providerId="ADAL" clId="{72C3CFBA-193F-46C9-8F73-4189FE9E6F36}" dt="2021-10-19T18:55:19.355" v="827" actId="478"/>
          <ac:picMkLst>
            <pc:docMk/>
            <pc:sldMk cId="1846785049" sldId="329"/>
            <ac:picMk id="4" creationId="{49507C04-13E8-425F-910D-0246A7166045}"/>
          </ac:picMkLst>
        </pc:picChg>
        <pc:picChg chg="add del mod">
          <ac:chgData name="Jose Palomino" userId="206526be-19f3-44dd-b92d-d9565a95ed37" providerId="ADAL" clId="{72C3CFBA-193F-46C9-8F73-4189FE9E6F36}" dt="2021-10-19T19:35:03.840" v="987" actId="478"/>
          <ac:picMkLst>
            <pc:docMk/>
            <pc:sldMk cId="1846785049" sldId="329"/>
            <ac:picMk id="8" creationId="{40BAD557-E274-433B-950B-ABF91B83BE32}"/>
          </ac:picMkLst>
        </pc:picChg>
        <pc:picChg chg="add mod">
          <ac:chgData name="Jose Palomino" userId="206526be-19f3-44dd-b92d-d9565a95ed37" providerId="ADAL" clId="{72C3CFBA-193F-46C9-8F73-4189FE9E6F36}" dt="2021-10-19T19:36:08.314" v="1013" actId="1035"/>
          <ac:picMkLst>
            <pc:docMk/>
            <pc:sldMk cId="1846785049" sldId="329"/>
            <ac:picMk id="10" creationId="{B335D52B-EB73-4959-A507-C67DF7E79D1F}"/>
          </ac:picMkLst>
        </pc:picChg>
        <pc:picChg chg="add del mod">
          <ac:chgData name="Jose Palomino" userId="206526be-19f3-44dd-b92d-d9565a95ed37" providerId="ADAL" clId="{72C3CFBA-193F-46C9-8F73-4189FE9E6F36}" dt="2021-10-19T19:29:31.104" v="853" actId="478"/>
          <ac:picMkLst>
            <pc:docMk/>
            <pc:sldMk cId="1846785049" sldId="329"/>
            <ac:picMk id="12" creationId="{D6BC7B55-5953-42F8-9846-6A412665BEB6}"/>
          </ac:picMkLst>
        </pc:picChg>
        <pc:picChg chg="add mod">
          <ac:chgData name="Jose Palomino" userId="206526be-19f3-44dd-b92d-d9565a95ed37" providerId="ADAL" clId="{72C3CFBA-193F-46C9-8F73-4189FE9E6F36}" dt="2021-10-19T19:30:28.017" v="906" actId="14100"/>
          <ac:picMkLst>
            <pc:docMk/>
            <pc:sldMk cId="1846785049" sldId="329"/>
            <ac:picMk id="14" creationId="{0D861DDD-56CA-4132-90D6-578ECAFC17DB}"/>
          </ac:picMkLst>
        </pc:picChg>
        <pc:picChg chg="add mod">
          <ac:chgData name="Jose Palomino" userId="206526be-19f3-44dd-b92d-d9565a95ed37" providerId="ADAL" clId="{72C3CFBA-193F-46C9-8F73-4189FE9E6F36}" dt="2021-10-19T19:36:08.314" v="1013" actId="1035"/>
          <ac:picMkLst>
            <pc:docMk/>
            <pc:sldMk cId="1846785049" sldId="329"/>
            <ac:picMk id="16" creationId="{660846F1-32AB-4072-9B0B-74FC41F34399}"/>
          </ac:picMkLst>
        </pc:picChg>
      </pc:sldChg>
      <pc:sldChg chg="addSp delSp modSp del mod">
        <pc:chgData name="Jose Palomino" userId="206526be-19f3-44dd-b92d-d9565a95ed37" providerId="ADAL" clId="{72C3CFBA-193F-46C9-8F73-4189FE9E6F36}" dt="2021-10-19T19:53:07.596" v="1099" actId="47"/>
        <pc:sldMkLst>
          <pc:docMk/>
          <pc:sldMk cId="2295105898" sldId="331"/>
        </pc:sldMkLst>
        <pc:spChg chg="del mod">
          <ac:chgData name="Jose Palomino" userId="206526be-19f3-44dd-b92d-d9565a95ed37" providerId="ADAL" clId="{72C3CFBA-193F-46C9-8F73-4189FE9E6F36}" dt="2021-10-19T19:31:34.617" v="918" actId="478"/>
          <ac:spMkLst>
            <pc:docMk/>
            <pc:sldMk cId="2295105898" sldId="331"/>
            <ac:spMk id="4" creationId="{B0FA012F-6326-4DE1-B07F-065AD9FB8907}"/>
          </ac:spMkLst>
        </pc:spChg>
        <pc:spChg chg="add mod">
          <ac:chgData name="Jose Palomino" userId="206526be-19f3-44dd-b92d-d9565a95ed37" providerId="ADAL" clId="{72C3CFBA-193F-46C9-8F73-4189FE9E6F36}" dt="2021-10-19T19:31:42.009" v="936" actId="20577"/>
          <ac:spMkLst>
            <pc:docMk/>
            <pc:sldMk cId="2295105898" sldId="331"/>
            <ac:spMk id="5" creationId="{6ED2D3A2-2F46-4CF4-A3A3-94F877BA36B3}"/>
          </ac:spMkLst>
        </pc:spChg>
        <pc:graphicFrameChg chg="mod modGraphic">
          <ac:chgData name="Jose Palomino" userId="206526be-19f3-44dd-b92d-d9565a95ed37" providerId="ADAL" clId="{72C3CFBA-193F-46C9-8F73-4189FE9E6F36}" dt="2021-10-19T19:48:02.211" v="1034" actId="12100"/>
          <ac:graphicFrameMkLst>
            <pc:docMk/>
            <pc:sldMk cId="2295105898" sldId="331"/>
            <ac:graphicFrameMk id="8" creationId="{5E786044-309C-4D76-B17B-D3F6297BDDEE}"/>
          </ac:graphicFrameMkLst>
        </pc:graphicFrameChg>
      </pc:sldChg>
      <pc:sldChg chg="addSp delSp modSp add mod ord delAnim">
        <pc:chgData name="Jose Palomino" userId="206526be-19f3-44dd-b92d-d9565a95ed37" providerId="ADAL" clId="{72C3CFBA-193F-46C9-8F73-4189FE9E6F36}" dt="2021-10-19T19:54:02.647" v="1116" actId="1036"/>
        <pc:sldMkLst>
          <pc:docMk/>
          <pc:sldMk cId="2914573770" sldId="332"/>
        </pc:sldMkLst>
        <pc:spChg chg="mod">
          <ac:chgData name="Jose Palomino" userId="206526be-19f3-44dd-b92d-d9565a95ed37" providerId="ADAL" clId="{72C3CFBA-193F-46C9-8F73-4189FE9E6F36}" dt="2021-10-19T19:53:57.166" v="1108" actId="403"/>
          <ac:spMkLst>
            <pc:docMk/>
            <pc:sldMk cId="2914573770" sldId="332"/>
            <ac:spMk id="5" creationId="{9FA51D0D-72BE-41E3-996F-50E8E4C448CC}"/>
          </ac:spMkLst>
        </pc:spChg>
        <pc:spChg chg="del">
          <ac:chgData name="Jose Palomino" userId="206526be-19f3-44dd-b92d-d9565a95ed37" providerId="ADAL" clId="{72C3CFBA-193F-46C9-8F73-4189FE9E6F36}" dt="2021-10-19T19:32:51.192" v="983" actId="478"/>
          <ac:spMkLst>
            <pc:docMk/>
            <pc:sldMk cId="2914573770" sldId="332"/>
            <ac:spMk id="7" creationId="{A56CDADB-31AE-4584-8F0A-A488053394C4}"/>
          </ac:spMkLst>
        </pc:spChg>
        <pc:spChg chg="del">
          <ac:chgData name="Jose Palomino" userId="206526be-19f3-44dd-b92d-d9565a95ed37" providerId="ADAL" clId="{72C3CFBA-193F-46C9-8F73-4189FE9E6F36}" dt="2021-10-19T19:32:53.331" v="985" actId="478"/>
          <ac:spMkLst>
            <pc:docMk/>
            <pc:sldMk cId="2914573770" sldId="332"/>
            <ac:spMk id="13" creationId="{7C99A1F7-888C-48A1-8431-C924FCD17AD4}"/>
          </ac:spMkLst>
        </pc:spChg>
        <pc:picChg chg="add mod">
          <ac:chgData name="Jose Palomino" userId="206526be-19f3-44dd-b92d-d9565a95ed37" providerId="ADAL" clId="{72C3CFBA-193F-46C9-8F73-4189FE9E6F36}" dt="2021-10-19T19:54:02.647" v="1116" actId="1036"/>
          <ac:picMkLst>
            <pc:docMk/>
            <pc:sldMk cId="2914573770" sldId="332"/>
            <ac:picMk id="3" creationId="{15A19958-C9FF-4388-A3DF-766C72A370EF}"/>
          </ac:picMkLst>
        </pc:picChg>
        <pc:picChg chg="del">
          <ac:chgData name="Jose Palomino" userId="206526be-19f3-44dd-b92d-d9565a95ed37" providerId="ADAL" clId="{72C3CFBA-193F-46C9-8F73-4189FE9E6F36}" dt="2021-10-19T19:32:49.928" v="982" actId="478"/>
          <ac:picMkLst>
            <pc:docMk/>
            <pc:sldMk cId="2914573770" sldId="332"/>
            <ac:picMk id="8" creationId="{40BAD557-E274-433B-950B-ABF91B83BE32}"/>
          </ac:picMkLst>
        </pc:picChg>
        <pc:picChg chg="del">
          <ac:chgData name="Jose Palomino" userId="206526be-19f3-44dd-b92d-d9565a95ed37" providerId="ADAL" clId="{72C3CFBA-193F-46C9-8F73-4189FE9E6F36}" dt="2021-10-19T19:32:51.725" v="984" actId="478"/>
          <ac:picMkLst>
            <pc:docMk/>
            <pc:sldMk cId="2914573770" sldId="332"/>
            <ac:picMk id="10" creationId="{B335D52B-EB73-4959-A507-C67DF7E79D1F}"/>
          </ac:picMkLst>
        </pc:picChg>
        <pc:picChg chg="del">
          <ac:chgData name="Jose Palomino" userId="206526be-19f3-44dd-b92d-d9565a95ed37" providerId="ADAL" clId="{72C3CFBA-193F-46C9-8F73-4189FE9E6F36}" dt="2021-10-19T19:32:54.047" v="986" actId="478"/>
          <ac:picMkLst>
            <pc:docMk/>
            <pc:sldMk cId="2914573770" sldId="332"/>
            <ac:picMk id="14" creationId="{0D861DDD-56CA-4132-90D6-578ECAFC17DB}"/>
          </ac:picMkLst>
        </pc:picChg>
      </pc:sldChg>
      <pc:sldChg chg="addSp delSp modSp add mod delAnim">
        <pc:chgData name="Jose Palomino" userId="206526be-19f3-44dd-b92d-d9565a95ed37" providerId="ADAL" clId="{72C3CFBA-193F-46C9-8F73-4189FE9E6F36}" dt="2021-10-19T19:52:56.746" v="1098" actId="1036"/>
        <pc:sldMkLst>
          <pc:docMk/>
          <pc:sldMk cId="806531988" sldId="333"/>
        </pc:sldMkLst>
        <pc:spChg chg="del">
          <ac:chgData name="Jose Palomino" userId="206526be-19f3-44dd-b92d-d9565a95ed37" providerId="ADAL" clId="{72C3CFBA-193F-46C9-8F73-4189FE9E6F36}" dt="2021-10-19T19:52:50.675" v="1086" actId="478"/>
          <ac:spMkLst>
            <pc:docMk/>
            <pc:sldMk cId="806531988" sldId="333"/>
            <ac:spMk id="4" creationId="{A8A6711B-E3A3-4B53-A679-94604067E73E}"/>
          </ac:spMkLst>
        </pc:spChg>
        <pc:spChg chg="add mod">
          <ac:chgData name="Jose Palomino" userId="206526be-19f3-44dd-b92d-d9565a95ed37" providerId="ADAL" clId="{72C3CFBA-193F-46C9-8F73-4189FE9E6F36}" dt="2021-10-19T19:52:43.247" v="1085"/>
          <ac:spMkLst>
            <pc:docMk/>
            <pc:sldMk cId="806531988" sldId="333"/>
            <ac:spMk id="5" creationId="{1E8A175F-5B80-4249-B23B-191B6F488260}"/>
          </ac:spMkLst>
        </pc:spChg>
        <pc:spChg chg="del">
          <ac:chgData name="Jose Palomino" userId="206526be-19f3-44dd-b92d-d9565a95ed37" providerId="ADAL" clId="{72C3CFBA-193F-46C9-8F73-4189FE9E6F36}" dt="2021-10-19T19:52:42.833" v="1084" actId="478"/>
          <ac:spMkLst>
            <pc:docMk/>
            <pc:sldMk cId="806531988" sldId="333"/>
            <ac:spMk id="9" creationId="{FB2C43BA-762F-47D2-9AF2-C0AB549833A2}"/>
          </ac:spMkLst>
        </pc:spChg>
        <pc:graphicFrameChg chg="mod modGraphic">
          <ac:chgData name="Jose Palomino" userId="206526be-19f3-44dd-b92d-d9565a95ed37" providerId="ADAL" clId="{72C3CFBA-193F-46C9-8F73-4189FE9E6F36}" dt="2021-10-19T19:52:56.746" v="1098" actId="1036"/>
          <ac:graphicFrameMkLst>
            <pc:docMk/>
            <pc:sldMk cId="806531988" sldId="333"/>
            <ac:graphicFrameMk id="8" creationId="{5E786044-309C-4D76-B17B-D3F6297BDDEE}"/>
          </ac:graphicFrameMkLst>
        </pc:graphicFrameChg>
      </pc:sldChg>
      <pc:sldChg chg="del">
        <pc:chgData name="Jose Palomino" userId="206526be-19f3-44dd-b92d-d9565a95ed37" providerId="ADAL" clId="{72C3CFBA-193F-46C9-8F73-4189FE9E6F36}" dt="2021-10-19T16:59:51.174" v="231" actId="47"/>
        <pc:sldMkLst>
          <pc:docMk/>
          <pc:sldMk cId="1543190650" sldId="9314"/>
        </pc:sldMkLst>
      </pc:sldChg>
    </pc:docChg>
  </pc:docChgLst>
  <pc:docChgLst>
    <pc:chgData name="Jose Palomino" userId="206526be-19f3-44dd-b92d-d9565a95ed37" providerId="ADAL" clId="{56315968-D5BD-4559-81F4-F4F096D5E562}"/>
    <pc:docChg chg="undo custSel addSld delSld modSld">
      <pc:chgData name="Jose Palomino" userId="206526be-19f3-44dd-b92d-d9565a95ed37" providerId="ADAL" clId="{56315968-D5BD-4559-81F4-F4F096D5E562}" dt="2022-01-19T03:07:07.714" v="2503" actId="20577"/>
      <pc:docMkLst>
        <pc:docMk/>
      </pc:docMkLst>
      <pc:sldChg chg="modSp mod">
        <pc:chgData name="Jose Palomino" userId="206526be-19f3-44dd-b92d-d9565a95ed37" providerId="ADAL" clId="{56315968-D5BD-4559-81F4-F4F096D5E562}" dt="2022-01-18T18:22:34.438" v="3" actId="20577"/>
        <pc:sldMkLst>
          <pc:docMk/>
          <pc:sldMk cId="1929714402" sldId="256"/>
        </pc:sldMkLst>
        <pc:spChg chg="mod">
          <ac:chgData name="Jose Palomino" userId="206526be-19f3-44dd-b92d-d9565a95ed37" providerId="ADAL" clId="{56315968-D5BD-4559-81F4-F4F096D5E562}" dt="2022-01-18T18:22:34.438" v="3" actId="20577"/>
          <ac:spMkLst>
            <pc:docMk/>
            <pc:sldMk cId="1929714402" sldId="256"/>
            <ac:spMk id="2" creationId="{9352A549-E604-43C6-ADA3-61F3EC69D54D}"/>
          </ac:spMkLst>
        </pc:spChg>
      </pc:sldChg>
      <pc:sldChg chg="modSp mod">
        <pc:chgData name="Jose Palomino" userId="206526be-19f3-44dd-b92d-d9565a95ed37" providerId="ADAL" clId="{56315968-D5BD-4559-81F4-F4F096D5E562}" dt="2022-01-19T00:08:09.939" v="54" actId="20577"/>
        <pc:sldMkLst>
          <pc:docMk/>
          <pc:sldMk cId="3525927913" sldId="336"/>
        </pc:sldMkLst>
        <pc:graphicFrameChg chg="modGraphic">
          <ac:chgData name="Jose Palomino" userId="206526be-19f3-44dd-b92d-d9565a95ed37" providerId="ADAL" clId="{56315968-D5BD-4559-81F4-F4F096D5E562}" dt="2022-01-19T00:08:09.939" v="54" actId="20577"/>
          <ac:graphicFrameMkLst>
            <pc:docMk/>
            <pc:sldMk cId="3525927913" sldId="336"/>
            <ac:graphicFrameMk id="25" creationId="{00000000-0000-0000-0000-000000000000}"/>
          </ac:graphicFrameMkLst>
        </pc:graphicFrameChg>
      </pc:sldChg>
      <pc:sldChg chg="modSp del mod">
        <pc:chgData name="Jose Palomino" userId="206526be-19f3-44dd-b92d-d9565a95ed37" providerId="ADAL" clId="{56315968-D5BD-4559-81F4-F4F096D5E562}" dt="2022-01-19T02:27:13.383" v="1764" actId="47"/>
        <pc:sldMkLst>
          <pc:docMk/>
          <pc:sldMk cId="4100556712" sldId="360"/>
        </pc:sldMkLst>
        <pc:spChg chg="mod">
          <ac:chgData name="Jose Palomino" userId="206526be-19f3-44dd-b92d-d9565a95ed37" providerId="ADAL" clId="{56315968-D5BD-4559-81F4-F4F096D5E562}" dt="2022-01-19T02:26:42.351" v="1736" actId="1036"/>
          <ac:spMkLst>
            <pc:docMk/>
            <pc:sldMk cId="4100556712" sldId="360"/>
            <ac:spMk id="10" creationId="{E2617DC5-47E9-49A6-9662-D313D76B4537}"/>
          </ac:spMkLst>
        </pc:spChg>
        <pc:spChg chg="mod">
          <ac:chgData name="Jose Palomino" userId="206526be-19f3-44dd-b92d-d9565a95ed37" providerId="ADAL" clId="{56315968-D5BD-4559-81F4-F4F096D5E562}" dt="2022-01-19T02:26:42.351" v="1736" actId="1036"/>
          <ac:spMkLst>
            <pc:docMk/>
            <pc:sldMk cId="4100556712" sldId="360"/>
            <ac:spMk id="11" creationId="{C85D59CE-FE47-4D19-99CD-1CDE6589AF80}"/>
          </ac:spMkLst>
        </pc:spChg>
        <pc:spChg chg="mod">
          <ac:chgData name="Jose Palomino" userId="206526be-19f3-44dd-b92d-d9565a95ed37" providerId="ADAL" clId="{56315968-D5BD-4559-81F4-F4F096D5E562}" dt="2022-01-19T02:26:42.351" v="1736" actId="1036"/>
          <ac:spMkLst>
            <pc:docMk/>
            <pc:sldMk cId="4100556712" sldId="360"/>
            <ac:spMk id="12" creationId="{C85D59CE-FE47-4D19-99CD-1CDE6589AF80}"/>
          </ac:spMkLst>
        </pc:spChg>
        <pc:spChg chg="mod">
          <ac:chgData name="Jose Palomino" userId="206526be-19f3-44dd-b92d-d9565a95ed37" providerId="ADAL" clId="{56315968-D5BD-4559-81F4-F4F096D5E562}" dt="2022-01-19T02:26:42.351" v="1736" actId="1036"/>
          <ac:spMkLst>
            <pc:docMk/>
            <pc:sldMk cId="4100556712" sldId="360"/>
            <ac:spMk id="17" creationId="{00000000-0000-0000-0000-000000000000}"/>
          </ac:spMkLst>
        </pc:spChg>
        <pc:spChg chg="mod">
          <ac:chgData name="Jose Palomino" userId="206526be-19f3-44dd-b92d-d9565a95ed37" providerId="ADAL" clId="{56315968-D5BD-4559-81F4-F4F096D5E562}" dt="2022-01-19T02:26:42.351" v="1736" actId="1036"/>
          <ac:spMkLst>
            <pc:docMk/>
            <pc:sldMk cId="4100556712" sldId="360"/>
            <ac:spMk id="81" creationId="{E2617DC5-47E9-49A6-9662-D313D76B4537}"/>
          </ac:spMkLst>
        </pc:spChg>
        <pc:spChg chg="mod">
          <ac:chgData name="Jose Palomino" userId="206526be-19f3-44dd-b92d-d9565a95ed37" providerId="ADAL" clId="{56315968-D5BD-4559-81F4-F4F096D5E562}" dt="2022-01-19T02:26:42.351" v="1736" actId="1036"/>
          <ac:spMkLst>
            <pc:docMk/>
            <pc:sldMk cId="4100556712" sldId="360"/>
            <ac:spMk id="82" creationId="{C85D59CE-FE47-4D19-99CD-1CDE6589AF80}"/>
          </ac:spMkLst>
        </pc:spChg>
        <pc:spChg chg="mod">
          <ac:chgData name="Jose Palomino" userId="206526be-19f3-44dd-b92d-d9565a95ed37" providerId="ADAL" clId="{56315968-D5BD-4559-81F4-F4F096D5E562}" dt="2022-01-19T02:26:42.351" v="1736" actId="1036"/>
          <ac:spMkLst>
            <pc:docMk/>
            <pc:sldMk cId="4100556712" sldId="360"/>
            <ac:spMk id="83" creationId="{E2617DC5-47E9-49A6-9662-D313D76B4537}"/>
          </ac:spMkLst>
        </pc:spChg>
      </pc:sldChg>
      <pc:sldChg chg="modSp">
        <pc:chgData name="Jose Palomino" userId="206526be-19f3-44dd-b92d-d9565a95ed37" providerId="ADAL" clId="{56315968-D5BD-4559-81F4-F4F096D5E562}" dt="2022-01-19T03:02:57.928" v="2367"/>
        <pc:sldMkLst>
          <pc:docMk/>
          <pc:sldMk cId="948133311" sldId="361"/>
        </pc:sldMkLst>
        <pc:spChg chg="mod">
          <ac:chgData name="Jose Palomino" userId="206526be-19f3-44dd-b92d-d9565a95ed37" providerId="ADAL" clId="{56315968-D5BD-4559-81F4-F4F096D5E562}" dt="2022-01-19T03:00:15.562" v="2300" actId="20577"/>
          <ac:spMkLst>
            <pc:docMk/>
            <pc:sldMk cId="948133311" sldId="361"/>
            <ac:spMk id="17" creationId="{00000000-0000-0000-0000-000000000000}"/>
          </ac:spMkLst>
        </pc:spChg>
        <pc:spChg chg="mod">
          <ac:chgData name="Jose Palomino" userId="206526be-19f3-44dd-b92d-d9565a95ed37" providerId="ADAL" clId="{56315968-D5BD-4559-81F4-F4F096D5E562}" dt="2022-01-19T03:01:28.236" v="2343" actId="20577"/>
          <ac:spMkLst>
            <pc:docMk/>
            <pc:sldMk cId="948133311" sldId="361"/>
            <ac:spMk id="81" creationId="{E2617DC5-47E9-49A6-9662-D313D76B4537}"/>
          </ac:spMkLst>
        </pc:spChg>
        <pc:spChg chg="mod">
          <ac:chgData name="Jose Palomino" userId="206526be-19f3-44dd-b92d-d9565a95ed37" providerId="ADAL" clId="{56315968-D5BD-4559-81F4-F4F096D5E562}" dt="2022-01-19T03:02:57.928" v="2367"/>
          <ac:spMkLst>
            <pc:docMk/>
            <pc:sldMk cId="948133311" sldId="361"/>
            <ac:spMk id="83" creationId="{E2617DC5-47E9-49A6-9662-D313D76B4537}"/>
          </ac:spMkLst>
        </pc:spChg>
      </pc:sldChg>
      <pc:sldChg chg="modSp">
        <pc:chgData name="Jose Palomino" userId="206526be-19f3-44dd-b92d-d9565a95ed37" providerId="ADAL" clId="{56315968-D5BD-4559-81F4-F4F096D5E562}" dt="2022-01-19T03:07:07.714" v="2503" actId="20577"/>
        <pc:sldMkLst>
          <pc:docMk/>
          <pc:sldMk cId="2572149734" sldId="362"/>
        </pc:sldMkLst>
        <pc:spChg chg="mod">
          <ac:chgData name="Jose Palomino" userId="206526be-19f3-44dd-b92d-d9565a95ed37" providerId="ADAL" clId="{56315968-D5BD-4559-81F4-F4F096D5E562}" dt="2022-01-19T03:04:11.508" v="2381" actId="6549"/>
          <ac:spMkLst>
            <pc:docMk/>
            <pc:sldMk cId="2572149734" sldId="362"/>
            <ac:spMk id="10" creationId="{E2617DC5-47E9-49A6-9662-D313D76B4537}"/>
          </ac:spMkLst>
        </pc:spChg>
        <pc:spChg chg="mod">
          <ac:chgData name="Jose Palomino" userId="206526be-19f3-44dd-b92d-d9565a95ed37" providerId="ADAL" clId="{56315968-D5BD-4559-81F4-F4F096D5E562}" dt="2022-01-19T03:07:07.714" v="2503" actId="20577"/>
          <ac:spMkLst>
            <pc:docMk/>
            <pc:sldMk cId="2572149734" sldId="362"/>
            <ac:spMk id="81" creationId="{E2617DC5-47E9-49A6-9662-D313D76B4537}"/>
          </ac:spMkLst>
        </pc:spChg>
      </pc:sldChg>
      <pc:sldChg chg="addSp modSp mod">
        <pc:chgData name="Jose Palomino" userId="206526be-19f3-44dd-b92d-d9565a95ed37" providerId="ADAL" clId="{56315968-D5BD-4559-81F4-F4F096D5E562}" dt="2022-01-19T02:36:39.036" v="1942" actId="6549"/>
        <pc:sldMkLst>
          <pc:docMk/>
          <pc:sldMk cId="1783316609" sldId="363"/>
        </pc:sldMkLst>
        <pc:spChg chg="mod">
          <ac:chgData name="Jose Palomino" userId="206526be-19f3-44dd-b92d-d9565a95ed37" providerId="ADAL" clId="{56315968-D5BD-4559-81F4-F4F096D5E562}" dt="2022-01-19T02:33:49.490" v="1885" actId="14100"/>
          <ac:spMkLst>
            <pc:docMk/>
            <pc:sldMk cId="1783316609" sldId="363"/>
            <ac:spMk id="3" creationId="{C85D59CE-FE47-4D19-99CD-1CDE6589AF80}"/>
          </ac:spMkLst>
        </pc:spChg>
        <pc:spChg chg="mod">
          <ac:chgData name="Jose Palomino" userId="206526be-19f3-44dd-b92d-d9565a95ed37" providerId="ADAL" clId="{56315968-D5BD-4559-81F4-F4F096D5E562}" dt="2022-01-19T02:35:54.285" v="1901" actId="6549"/>
          <ac:spMkLst>
            <pc:docMk/>
            <pc:sldMk cId="1783316609" sldId="363"/>
            <ac:spMk id="5" creationId="{E2617DC5-47E9-49A6-9662-D313D76B4537}"/>
          </ac:spMkLst>
        </pc:spChg>
        <pc:spChg chg="add mod">
          <ac:chgData name="Jose Palomino" userId="206526be-19f3-44dd-b92d-d9565a95ed37" providerId="ADAL" clId="{56315968-D5BD-4559-81F4-F4F096D5E562}" dt="2022-01-19T02:34:05.545" v="1887" actId="1076"/>
          <ac:spMkLst>
            <pc:docMk/>
            <pc:sldMk cId="1783316609" sldId="363"/>
            <ac:spMk id="7" creationId="{EB574AF9-371C-4DBA-A5A7-0CB31160EDB6}"/>
          </ac:spMkLst>
        </pc:spChg>
        <pc:spChg chg="add mod">
          <ac:chgData name="Jose Palomino" userId="206526be-19f3-44dd-b92d-d9565a95ed37" providerId="ADAL" clId="{56315968-D5BD-4559-81F4-F4F096D5E562}" dt="2022-01-19T02:36:39.036" v="1942" actId="6549"/>
          <ac:spMkLst>
            <pc:docMk/>
            <pc:sldMk cId="1783316609" sldId="363"/>
            <ac:spMk id="8" creationId="{89A3C873-92C8-44AD-89AF-67606786F5F1}"/>
          </ac:spMkLst>
        </pc:spChg>
        <pc:picChg chg="mod">
          <ac:chgData name="Jose Palomino" userId="206526be-19f3-44dd-b92d-d9565a95ed37" providerId="ADAL" clId="{56315968-D5BD-4559-81F4-F4F096D5E562}" dt="2022-01-19T02:33:05.335" v="1878" actId="1076"/>
          <ac:picMkLst>
            <pc:docMk/>
            <pc:sldMk cId="1783316609" sldId="363"/>
            <ac:picMk id="6" creationId="{10BEF5EE-892A-45B2-98DD-69464C1AFB28}"/>
          </ac:picMkLst>
        </pc:picChg>
      </pc:sldChg>
      <pc:sldChg chg="addSp modSp add mod modAnim">
        <pc:chgData name="Jose Palomino" userId="206526be-19f3-44dd-b92d-d9565a95ed37" providerId="ADAL" clId="{56315968-D5BD-4559-81F4-F4F096D5E562}" dt="2022-01-19T03:03:44.720" v="2373" actId="20577"/>
        <pc:sldMkLst>
          <pc:docMk/>
          <pc:sldMk cId="3112650349" sldId="364"/>
        </pc:sldMkLst>
        <pc:spChg chg="mod">
          <ac:chgData name="Jose Palomino" userId="206526be-19f3-44dd-b92d-d9565a95ed37" providerId="ADAL" clId="{56315968-D5BD-4559-81F4-F4F096D5E562}" dt="2022-01-19T03:03:44.720" v="2373" actId="20577"/>
          <ac:spMkLst>
            <pc:docMk/>
            <pc:sldMk cId="3112650349" sldId="364"/>
            <ac:spMk id="10" creationId="{E2617DC5-47E9-49A6-9662-D313D76B4537}"/>
          </ac:spMkLst>
        </pc:spChg>
        <pc:spChg chg="mod">
          <ac:chgData name="Jose Palomino" userId="206526be-19f3-44dd-b92d-d9565a95ed37" providerId="ADAL" clId="{56315968-D5BD-4559-81F4-F4F096D5E562}" dt="2022-01-19T02:26:53.975" v="1763" actId="1036"/>
          <ac:spMkLst>
            <pc:docMk/>
            <pc:sldMk cId="3112650349" sldId="364"/>
            <ac:spMk id="11" creationId="{C85D59CE-FE47-4D19-99CD-1CDE6589AF80}"/>
          </ac:spMkLst>
        </pc:spChg>
        <pc:spChg chg="mod">
          <ac:chgData name="Jose Palomino" userId="206526be-19f3-44dd-b92d-d9565a95ed37" providerId="ADAL" clId="{56315968-D5BD-4559-81F4-F4F096D5E562}" dt="2022-01-19T02:26:53.975" v="1763" actId="1036"/>
          <ac:spMkLst>
            <pc:docMk/>
            <pc:sldMk cId="3112650349" sldId="364"/>
            <ac:spMk id="12" creationId="{C85D59CE-FE47-4D19-99CD-1CDE6589AF80}"/>
          </ac:spMkLst>
        </pc:spChg>
        <pc:spChg chg="add mod">
          <ac:chgData name="Jose Palomino" userId="206526be-19f3-44dd-b92d-d9565a95ed37" providerId="ADAL" clId="{56315968-D5BD-4559-81F4-F4F096D5E562}" dt="2022-01-19T02:29:42.382" v="1873" actId="20577"/>
          <ac:spMkLst>
            <pc:docMk/>
            <pc:sldMk cId="3112650349" sldId="364"/>
            <ac:spMk id="15" creationId="{F98B4ECE-ECE3-4649-9ACB-07BF485FF9CA}"/>
          </ac:spMkLst>
        </pc:spChg>
        <pc:spChg chg="add mod ord">
          <ac:chgData name="Jose Palomino" userId="206526be-19f3-44dd-b92d-d9565a95ed37" providerId="ADAL" clId="{56315968-D5BD-4559-81F4-F4F096D5E562}" dt="2022-01-19T02:26:53.975" v="1763" actId="1036"/>
          <ac:spMkLst>
            <pc:docMk/>
            <pc:sldMk cId="3112650349" sldId="364"/>
            <ac:spMk id="16" creationId="{8CD363F0-B07A-44A8-9184-5E2CFA7F0060}"/>
          </ac:spMkLst>
        </pc:spChg>
        <pc:spChg chg="mod">
          <ac:chgData name="Jose Palomino" userId="206526be-19f3-44dd-b92d-d9565a95ed37" providerId="ADAL" clId="{56315968-D5BD-4559-81F4-F4F096D5E562}" dt="2022-01-19T02:26:53.975" v="1763" actId="1036"/>
          <ac:spMkLst>
            <pc:docMk/>
            <pc:sldMk cId="3112650349" sldId="364"/>
            <ac:spMk id="17" creationId="{00000000-0000-0000-0000-000000000000}"/>
          </ac:spMkLst>
        </pc:spChg>
        <pc:spChg chg="mod">
          <ac:chgData name="Jose Palomino" userId="206526be-19f3-44dd-b92d-d9565a95ed37" providerId="ADAL" clId="{56315968-D5BD-4559-81F4-F4F096D5E562}" dt="2022-01-19T02:26:53.975" v="1763" actId="1036"/>
          <ac:spMkLst>
            <pc:docMk/>
            <pc:sldMk cId="3112650349" sldId="364"/>
            <ac:spMk id="81" creationId="{E2617DC5-47E9-49A6-9662-D313D76B4537}"/>
          </ac:spMkLst>
        </pc:spChg>
        <pc:spChg chg="mod">
          <ac:chgData name="Jose Palomino" userId="206526be-19f3-44dd-b92d-d9565a95ed37" providerId="ADAL" clId="{56315968-D5BD-4559-81F4-F4F096D5E562}" dt="2022-01-19T02:26:53.975" v="1763" actId="1036"/>
          <ac:spMkLst>
            <pc:docMk/>
            <pc:sldMk cId="3112650349" sldId="364"/>
            <ac:spMk id="82" creationId="{C85D59CE-FE47-4D19-99CD-1CDE6589AF80}"/>
          </ac:spMkLst>
        </pc:spChg>
        <pc:spChg chg="mod">
          <ac:chgData name="Jose Palomino" userId="206526be-19f3-44dd-b92d-d9565a95ed37" providerId="ADAL" clId="{56315968-D5BD-4559-81F4-F4F096D5E562}" dt="2022-01-19T02:26:53.975" v="1763" actId="1036"/>
          <ac:spMkLst>
            <pc:docMk/>
            <pc:sldMk cId="3112650349" sldId="364"/>
            <ac:spMk id="83" creationId="{E2617DC5-47E9-49A6-9662-D313D76B4537}"/>
          </ac:spMkLst>
        </pc:spChg>
      </pc:sldChg>
      <pc:sldChg chg="delSp modSp add mod">
        <pc:chgData name="Jose Palomino" userId="206526be-19f3-44dd-b92d-d9565a95ed37" providerId="ADAL" clId="{56315968-D5BD-4559-81F4-F4F096D5E562}" dt="2022-01-19T02:56:44.612" v="2293" actId="14100"/>
        <pc:sldMkLst>
          <pc:docMk/>
          <pc:sldMk cId="2417161188" sldId="365"/>
        </pc:sldMkLst>
        <pc:spChg chg="mod">
          <ac:chgData name="Jose Palomino" userId="206526be-19f3-44dd-b92d-d9565a95ed37" providerId="ADAL" clId="{56315968-D5BD-4559-81F4-F4F096D5E562}" dt="2022-01-19T02:41:08.185" v="2008" actId="20577"/>
          <ac:spMkLst>
            <pc:docMk/>
            <pc:sldMk cId="2417161188" sldId="365"/>
            <ac:spMk id="2" creationId="{9FA51D0D-72BE-41E3-996F-50E8E4C448CC}"/>
          </ac:spMkLst>
        </pc:spChg>
        <pc:spChg chg="mod">
          <ac:chgData name="Jose Palomino" userId="206526be-19f3-44dd-b92d-d9565a95ed37" providerId="ADAL" clId="{56315968-D5BD-4559-81F4-F4F096D5E562}" dt="2022-01-19T02:56:44.612" v="2293" actId="14100"/>
          <ac:spMkLst>
            <pc:docMk/>
            <pc:sldMk cId="2417161188" sldId="365"/>
            <ac:spMk id="3" creationId="{C85D59CE-FE47-4D19-99CD-1CDE6589AF80}"/>
          </ac:spMkLst>
        </pc:spChg>
        <pc:spChg chg="mod">
          <ac:chgData name="Jose Palomino" userId="206526be-19f3-44dd-b92d-d9565a95ed37" providerId="ADAL" clId="{56315968-D5BD-4559-81F4-F4F096D5E562}" dt="2022-01-19T02:40:53.996" v="1985" actId="6549"/>
          <ac:spMkLst>
            <pc:docMk/>
            <pc:sldMk cId="2417161188" sldId="365"/>
            <ac:spMk id="5" creationId="{E2617DC5-47E9-49A6-9662-D313D76B4537}"/>
          </ac:spMkLst>
        </pc:spChg>
        <pc:spChg chg="del">
          <ac:chgData name="Jose Palomino" userId="206526be-19f3-44dd-b92d-d9565a95ed37" providerId="ADAL" clId="{56315968-D5BD-4559-81F4-F4F096D5E562}" dt="2022-01-19T02:39:56.849" v="1970" actId="478"/>
          <ac:spMkLst>
            <pc:docMk/>
            <pc:sldMk cId="2417161188" sldId="365"/>
            <ac:spMk id="7" creationId="{EB574AF9-371C-4DBA-A5A7-0CB31160EDB6}"/>
          </ac:spMkLst>
        </pc:spChg>
        <pc:spChg chg="del">
          <ac:chgData name="Jose Palomino" userId="206526be-19f3-44dd-b92d-d9565a95ed37" providerId="ADAL" clId="{56315968-D5BD-4559-81F4-F4F096D5E562}" dt="2022-01-19T02:39:56.849" v="1970" actId="478"/>
          <ac:spMkLst>
            <pc:docMk/>
            <pc:sldMk cId="2417161188" sldId="365"/>
            <ac:spMk id="8" creationId="{89A3C873-92C8-44AD-89AF-67606786F5F1}"/>
          </ac:spMkLst>
        </pc:spChg>
      </pc:sldChg>
      <pc:sldChg chg="modSp add mod">
        <pc:chgData name="Jose Palomino" userId="206526be-19f3-44dd-b92d-d9565a95ed37" providerId="ADAL" clId="{56315968-D5BD-4559-81F4-F4F096D5E562}" dt="2022-01-19T02:56:31.382" v="2291" actId="14100"/>
        <pc:sldMkLst>
          <pc:docMk/>
          <pc:sldMk cId="657840877" sldId="366"/>
        </pc:sldMkLst>
        <pc:spChg chg="mod">
          <ac:chgData name="Jose Palomino" userId="206526be-19f3-44dd-b92d-d9565a95ed37" providerId="ADAL" clId="{56315968-D5BD-4559-81F4-F4F096D5E562}" dt="2022-01-19T02:56:31.382" v="2291" actId="14100"/>
          <ac:spMkLst>
            <pc:docMk/>
            <pc:sldMk cId="657840877" sldId="366"/>
            <ac:spMk id="3" creationId="{C85D59CE-FE47-4D19-99CD-1CDE6589AF80}"/>
          </ac:spMkLst>
        </pc:spChg>
        <pc:spChg chg="mod">
          <ac:chgData name="Jose Palomino" userId="206526be-19f3-44dd-b92d-d9565a95ed37" providerId="ADAL" clId="{56315968-D5BD-4559-81F4-F4F096D5E562}" dt="2022-01-19T02:56:27.356" v="2290" actId="11"/>
          <ac:spMkLst>
            <pc:docMk/>
            <pc:sldMk cId="657840877" sldId="366"/>
            <ac:spMk id="5" creationId="{E2617DC5-47E9-49A6-9662-D313D76B4537}"/>
          </ac:spMkLst>
        </pc:spChg>
      </pc:sldChg>
    </pc:docChg>
  </pc:docChgLst>
  <pc:docChgLst>
    <pc:chgData name="Jose Palomino" userId="206526be-19f3-44dd-b92d-d9565a95ed37" providerId="ADAL" clId="{810442C4-3FC5-4E43-948E-99B47869521A}"/>
    <pc:docChg chg="undo custSel addSld delSld modSld">
      <pc:chgData name="Jose Palomino" userId="206526be-19f3-44dd-b92d-d9565a95ed37" providerId="ADAL" clId="{810442C4-3FC5-4E43-948E-99B47869521A}" dt="2021-07-07T14:41:03.718" v="1644" actId="20577"/>
      <pc:docMkLst>
        <pc:docMk/>
      </pc:docMkLst>
      <pc:sldChg chg="modSp mod">
        <pc:chgData name="Jose Palomino" userId="206526be-19f3-44dd-b92d-d9565a95ed37" providerId="ADAL" clId="{810442C4-3FC5-4E43-948E-99B47869521A}" dt="2021-07-06T14:47:47.941" v="12" actId="1076"/>
        <pc:sldMkLst>
          <pc:docMk/>
          <pc:sldMk cId="1929714402" sldId="256"/>
        </pc:sldMkLst>
        <pc:spChg chg="mod">
          <ac:chgData name="Jose Palomino" userId="206526be-19f3-44dd-b92d-d9565a95ed37" providerId="ADAL" clId="{810442C4-3FC5-4E43-948E-99B47869521A}" dt="2021-07-06T14:47:46.649" v="11" actId="20577"/>
          <ac:spMkLst>
            <pc:docMk/>
            <pc:sldMk cId="1929714402" sldId="256"/>
            <ac:spMk id="2" creationId="{9352A549-E604-43C6-ADA3-61F3EC69D54D}"/>
          </ac:spMkLst>
        </pc:spChg>
        <pc:picChg chg="mod">
          <ac:chgData name="Jose Palomino" userId="206526be-19f3-44dd-b92d-d9565a95ed37" providerId="ADAL" clId="{810442C4-3FC5-4E43-948E-99B47869521A}" dt="2021-07-06T14:47:47.941" v="12" actId="1076"/>
          <ac:picMkLst>
            <pc:docMk/>
            <pc:sldMk cId="1929714402" sldId="256"/>
            <ac:picMk id="5" creationId="{72108080-DDE5-A74D-BB2B-E71EDBA3D53F}"/>
          </ac:picMkLst>
        </pc:picChg>
      </pc:sldChg>
      <pc:sldChg chg="addSp modSp mod setBg">
        <pc:chgData name="Jose Palomino" userId="206526be-19f3-44dd-b92d-d9565a95ed37" providerId="ADAL" clId="{810442C4-3FC5-4E43-948E-99B47869521A}" dt="2021-07-07T04:19:16.429" v="1545" actId="1076"/>
        <pc:sldMkLst>
          <pc:docMk/>
          <pc:sldMk cId="3535275093" sldId="319"/>
        </pc:sldMkLst>
        <pc:spChg chg="mod">
          <ac:chgData name="Jose Palomino" userId="206526be-19f3-44dd-b92d-d9565a95ed37" providerId="ADAL" clId="{810442C4-3FC5-4E43-948E-99B47869521A}" dt="2021-07-07T04:13:15.296" v="1305" actId="404"/>
          <ac:spMkLst>
            <pc:docMk/>
            <pc:sldMk cId="3535275093" sldId="319"/>
            <ac:spMk id="3" creationId="{16A94EE5-33CD-45DC-ADB8-167B960004DA}"/>
          </ac:spMkLst>
        </pc:spChg>
        <pc:spChg chg="mod">
          <ac:chgData name="Jose Palomino" userId="206526be-19f3-44dd-b92d-d9565a95ed37" providerId="ADAL" clId="{810442C4-3FC5-4E43-948E-99B47869521A}" dt="2021-07-07T04:13:15.296" v="1305" actId="404"/>
          <ac:spMkLst>
            <pc:docMk/>
            <pc:sldMk cId="3535275093" sldId="319"/>
            <ac:spMk id="4" creationId="{3B50F68B-564F-4AA9-8362-FF913FCE7268}"/>
          </ac:spMkLst>
        </pc:spChg>
        <pc:spChg chg="mod">
          <ac:chgData name="Jose Palomino" userId="206526be-19f3-44dd-b92d-d9565a95ed37" providerId="ADAL" clId="{810442C4-3FC5-4E43-948E-99B47869521A}" dt="2021-07-07T04:13:15.296" v="1305" actId="404"/>
          <ac:spMkLst>
            <pc:docMk/>
            <pc:sldMk cId="3535275093" sldId="319"/>
            <ac:spMk id="5" creationId="{6EF78644-B068-442D-B06A-7D5C2839B7DB}"/>
          </ac:spMkLst>
        </pc:spChg>
        <pc:spChg chg="add mod">
          <ac:chgData name="Jose Palomino" userId="206526be-19f3-44dd-b92d-d9565a95ed37" providerId="ADAL" clId="{810442C4-3FC5-4E43-948E-99B47869521A}" dt="2021-07-07T04:13:15.296" v="1305" actId="404"/>
          <ac:spMkLst>
            <pc:docMk/>
            <pc:sldMk cId="3535275093" sldId="319"/>
            <ac:spMk id="6" creationId="{42256E06-986F-4276-9144-59497AE12D82}"/>
          </ac:spMkLst>
        </pc:spChg>
        <pc:picChg chg="add mod">
          <ac:chgData name="Jose Palomino" userId="206526be-19f3-44dd-b92d-d9565a95ed37" providerId="ADAL" clId="{810442C4-3FC5-4E43-948E-99B47869521A}" dt="2021-07-07T04:19:16.429" v="1545" actId="1076"/>
          <ac:picMkLst>
            <pc:docMk/>
            <pc:sldMk cId="3535275093" sldId="319"/>
            <ac:picMk id="8" creationId="{4AAF54A4-391C-447A-8EB5-B985DFAEAFF5}"/>
          </ac:picMkLst>
        </pc:picChg>
      </pc:sldChg>
      <pc:sldChg chg="del">
        <pc:chgData name="Jose Palomino" userId="206526be-19f3-44dd-b92d-d9565a95ed37" providerId="ADAL" clId="{810442C4-3FC5-4E43-948E-99B47869521A}" dt="2021-07-07T04:14:56.272" v="1310" actId="47"/>
        <pc:sldMkLst>
          <pc:docMk/>
          <pc:sldMk cId="80923623" sldId="326"/>
        </pc:sldMkLst>
      </pc:sldChg>
      <pc:sldChg chg="addSp delSp modSp mod">
        <pc:chgData name="Jose Palomino" userId="206526be-19f3-44dd-b92d-d9565a95ed37" providerId="ADAL" clId="{810442C4-3FC5-4E43-948E-99B47869521A}" dt="2021-07-07T04:13:57.775" v="1309" actId="1076"/>
        <pc:sldMkLst>
          <pc:docMk/>
          <pc:sldMk cId="1846785049" sldId="329"/>
        </pc:sldMkLst>
        <pc:spChg chg="del">
          <ac:chgData name="Jose Palomino" userId="206526be-19f3-44dd-b92d-d9565a95ed37" providerId="ADAL" clId="{810442C4-3FC5-4E43-948E-99B47869521A}" dt="2021-07-07T04:13:41.712" v="1306" actId="478"/>
          <ac:spMkLst>
            <pc:docMk/>
            <pc:sldMk cId="1846785049" sldId="329"/>
            <ac:spMk id="5" creationId="{9FA51D0D-72BE-41E3-996F-50E8E4C448CC}"/>
          </ac:spMkLst>
        </pc:spChg>
        <pc:spChg chg="mod">
          <ac:chgData name="Jose Palomino" userId="206526be-19f3-44dd-b92d-d9565a95ed37" providerId="ADAL" clId="{810442C4-3FC5-4E43-948E-99B47869521A}" dt="2021-07-07T04:13:57.775" v="1309" actId="1076"/>
          <ac:spMkLst>
            <pc:docMk/>
            <pc:sldMk cId="1846785049" sldId="329"/>
            <ac:spMk id="7" creationId="{A56CDADB-31AE-4584-8F0A-A488053394C4}"/>
          </ac:spMkLst>
        </pc:spChg>
        <pc:spChg chg="add mod">
          <ac:chgData name="Jose Palomino" userId="206526be-19f3-44dd-b92d-d9565a95ed37" providerId="ADAL" clId="{810442C4-3FC5-4E43-948E-99B47869521A}" dt="2021-07-07T04:13:46.010" v="1307" actId="1076"/>
          <ac:spMkLst>
            <pc:docMk/>
            <pc:sldMk cId="1846785049" sldId="329"/>
            <ac:spMk id="8" creationId="{872CE491-4588-4D4B-8D59-198D4430375E}"/>
          </ac:spMkLst>
        </pc:spChg>
        <pc:spChg chg="add mod">
          <ac:chgData name="Jose Palomino" userId="206526be-19f3-44dd-b92d-d9565a95ed37" providerId="ADAL" clId="{810442C4-3FC5-4E43-948E-99B47869521A}" dt="2021-07-07T04:08:40.784" v="1193" actId="113"/>
          <ac:spMkLst>
            <pc:docMk/>
            <pc:sldMk cId="1846785049" sldId="329"/>
            <ac:spMk id="9" creationId="{B6D28C7D-729D-42A6-AFEC-B1F5E7D4C4DC}"/>
          </ac:spMkLst>
        </pc:spChg>
        <pc:picChg chg="add mod ord">
          <ac:chgData name="Jose Palomino" userId="206526be-19f3-44dd-b92d-d9565a95ed37" providerId="ADAL" clId="{810442C4-3FC5-4E43-948E-99B47869521A}" dt="2021-07-07T04:13:52.903" v="1308" actId="1076"/>
          <ac:picMkLst>
            <pc:docMk/>
            <pc:sldMk cId="1846785049" sldId="329"/>
            <ac:picMk id="3" creationId="{EAC643FA-C884-4A72-8F60-18BECD842583}"/>
          </ac:picMkLst>
        </pc:picChg>
        <pc:picChg chg="del mod">
          <ac:chgData name="Jose Palomino" userId="206526be-19f3-44dd-b92d-d9565a95ed37" providerId="ADAL" clId="{810442C4-3FC5-4E43-948E-99B47869521A}" dt="2021-07-06T14:52:41.413" v="14" actId="478"/>
          <ac:picMkLst>
            <pc:docMk/>
            <pc:sldMk cId="1846785049" sldId="329"/>
            <ac:picMk id="6" creationId="{DBF07F91-BE84-4454-BF58-786B00334401}"/>
          </ac:picMkLst>
        </pc:picChg>
      </pc:sldChg>
      <pc:sldChg chg="addSp delSp modSp mod">
        <pc:chgData name="Jose Palomino" userId="206526be-19f3-44dd-b92d-d9565a95ed37" providerId="ADAL" clId="{810442C4-3FC5-4E43-948E-99B47869521A}" dt="2021-07-07T14:41:03.718" v="1644" actId="20577"/>
        <pc:sldMkLst>
          <pc:docMk/>
          <pc:sldMk cId="2295105898" sldId="331"/>
        </pc:sldMkLst>
        <pc:spChg chg="add mod">
          <ac:chgData name="Jose Palomino" userId="206526be-19f3-44dd-b92d-d9565a95ed37" providerId="ADAL" clId="{810442C4-3FC5-4E43-948E-99B47869521A}" dt="2021-07-07T04:09:30.791" v="1200" actId="20577"/>
          <ac:spMkLst>
            <pc:docMk/>
            <pc:sldMk cId="2295105898" sldId="331"/>
            <ac:spMk id="4" creationId="{B0FA012F-6326-4DE1-B07F-065AD9FB8907}"/>
          </ac:spMkLst>
        </pc:spChg>
        <pc:spChg chg="del mod">
          <ac:chgData name="Jose Palomino" userId="206526be-19f3-44dd-b92d-d9565a95ed37" providerId="ADAL" clId="{810442C4-3FC5-4E43-948E-99B47869521A}" dt="2021-07-07T03:22:51.403" v="362" actId="478"/>
          <ac:spMkLst>
            <pc:docMk/>
            <pc:sldMk cId="2295105898" sldId="331"/>
            <ac:spMk id="9" creationId="{FB2C43BA-762F-47D2-9AF2-C0AB549833A2}"/>
          </ac:spMkLst>
        </pc:spChg>
        <pc:graphicFrameChg chg="mod modGraphic">
          <ac:chgData name="Jose Palomino" userId="206526be-19f3-44dd-b92d-d9565a95ed37" providerId="ADAL" clId="{810442C4-3FC5-4E43-948E-99B47869521A}" dt="2021-07-07T14:41:03.718" v="1644" actId="20577"/>
          <ac:graphicFrameMkLst>
            <pc:docMk/>
            <pc:sldMk cId="2295105898" sldId="331"/>
            <ac:graphicFrameMk id="8" creationId="{5E786044-309C-4D76-B17B-D3F6297BDDEE}"/>
          </ac:graphicFrameMkLst>
        </pc:graphicFrameChg>
      </pc:sldChg>
      <pc:sldChg chg="add del">
        <pc:chgData name="Jose Palomino" userId="206526be-19f3-44dd-b92d-d9565a95ed37" providerId="ADAL" clId="{810442C4-3FC5-4E43-948E-99B47869521A}" dt="2021-07-07T03:22:40.320" v="361" actId="47"/>
        <pc:sldMkLst>
          <pc:docMk/>
          <pc:sldMk cId="2578417777" sldId="332"/>
        </pc:sldMkLst>
      </pc:sldChg>
      <pc:sldChg chg="addSp modSp new del mod">
        <pc:chgData name="Jose Palomino" userId="206526be-19f3-44dd-b92d-d9565a95ed37" providerId="ADAL" clId="{810442C4-3FC5-4E43-948E-99B47869521A}" dt="2021-07-07T04:09:14.464" v="1195" actId="2696"/>
        <pc:sldMkLst>
          <pc:docMk/>
          <pc:sldMk cId="3792094948" sldId="332"/>
        </pc:sldMkLst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2" creationId="{9DF4916C-7E96-4C80-9B68-C9B71E8F0EBF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3" creationId="{B81523B2-0F9F-4F32-BFD8-BFD20986A8A6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4" creationId="{4E502D84-F92A-4936-A83E-0EBACBD0CDB0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5" creationId="{245D99BC-D003-468F-AB54-1D84885660E8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6" creationId="{13356142-B854-4E42-8FE9-5A8AC8212808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7" creationId="{671D02BC-5ABC-4DF5-BBFB-F129124D75E1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9" creationId="{5C0DD94A-A047-407C-A573-74E45810617B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10" creationId="{CF6255F0-F28F-47FE-8D19-7171F252D0AD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11" creationId="{F0397C08-9CFA-4946-8FB5-7DE494317B62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12" creationId="{0BA78F7F-ABFB-49D0-85BC-247D329E0614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13" creationId="{2A979E8F-DF30-4AAA-8624-55F9A5EFB311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14" creationId="{21004A55-8ADD-43B0-BE2A-D31234B96D90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15" creationId="{5EB7883F-9996-469A-8323-9844A1AE7DAA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16" creationId="{73A31867-1B6B-451E-A697-B5D74FB1FD23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17" creationId="{B2862394-9FD1-4D95-A033-2C66D5FC7A5B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18" creationId="{24E5999C-12E6-480E-A716-2AAA21ECDEBE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19" creationId="{699B8341-464B-4894-B1BF-B61E2B174D7D}"/>
          </ac:spMkLst>
        </pc:spChg>
        <pc:spChg chg="add mod">
          <ac:chgData name="Jose Palomino" userId="206526be-19f3-44dd-b92d-d9565a95ed37" providerId="ADAL" clId="{810442C4-3FC5-4E43-948E-99B47869521A}" dt="2021-07-07T03:33:59.753" v="389" actId="14100"/>
          <ac:spMkLst>
            <pc:docMk/>
            <pc:sldMk cId="3792094948" sldId="332"/>
            <ac:spMk id="20" creationId="{95B66D0C-2E1B-48F1-A8B4-332A839F0321}"/>
          </ac:spMkLst>
        </pc:spChg>
        <pc:picChg chg="add mod">
          <ac:chgData name="Jose Palomino" userId="206526be-19f3-44dd-b92d-d9565a95ed37" providerId="ADAL" clId="{810442C4-3FC5-4E43-948E-99B47869521A}" dt="2021-07-07T03:33:59.753" v="389" actId="14100"/>
          <ac:picMkLst>
            <pc:docMk/>
            <pc:sldMk cId="3792094948" sldId="332"/>
            <ac:picMk id="8" creationId="{BD2402A8-1961-4D6B-B59D-6D46A17FA99A}"/>
          </ac:picMkLst>
        </pc:picChg>
        <pc:picChg chg="add mod">
          <ac:chgData name="Jose Palomino" userId="206526be-19f3-44dd-b92d-d9565a95ed37" providerId="ADAL" clId="{810442C4-3FC5-4E43-948E-99B47869521A}" dt="2021-07-07T03:33:59.753" v="389" actId="14100"/>
          <ac:picMkLst>
            <pc:docMk/>
            <pc:sldMk cId="3792094948" sldId="332"/>
            <ac:picMk id="21" creationId="{E909AFA6-EA1D-4415-9FDB-88AB2EB39ED6}"/>
          </ac:picMkLst>
        </pc:picChg>
        <pc:picChg chg="add mod">
          <ac:chgData name="Jose Palomino" userId="206526be-19f3-44dd-b92d-d9565a95ed37" providerId="ADAL" clId="{810442C4-3FC5-4E43-948E-99B47869521A}" dt="2021-07-07T03:33:59.753" v="389" actId="14100"/>
          <ac:picMkLst>
            <pc:docMk/>
            <pc:sldMk cId="3792094948" sldId="332"/>
            <ac:picMk id="22" creationId="{001B8551-A304-4A2D-AB61-18FB5A5A8493}"/>
          </ac:picMkLst>
        </pc:picChg>
      </pc:sldChg>
      <pc:sldChg chg="addSp delSp modSp add mod modClrScheme chgLayout">
        <pc:chgData name="Jose Palomino" userId="206526be-19f3-44dd-b92d-d9565a95ed37" providerId="ADAL" clId="{810442C4-3FC5-4E43-948E-99B47869521A}" dt="2021-07-07T04:05:24.602" v="1137" actId="6549"/>
        <pc:sldMkLst>
          <pc:docMk/>
          <pc:sldMk cId="1543190650" sldId="9314"/>
        </pc:sldMkLst>
        <pc:spChg chg="mod">
          <ac:chgData name="Jose Palomino" userId="206526be-19f3-44dd-b92d-d9565a95ed37" providerId="ADAL" clId="{810442C4-3FC5-4E43-948E-99B47869521A}" dt="2021-07-07T03:56:09.431" v="715" actId="20577"/>
          <ac:spMkLst>
            <pc:docMk/>
            <pc:sldMk cId="1543190650" sldId="9314"/>
            <ac:spMk id="18" creationId="{45BC08AD-46FD-40FA-8B1E-7C8EF47075DA}"/>
          </ac:spMkLst>
        </pc:spChg>
        <pc:spChg chg="del">
          <ac:chgData name="Jose Palomino" userId="206526be-19f3-44dd-b92d-d9565a95ed37" providerId="ADAL" clId="{810442C4-3FC5-4E43-948E-99B47869521A}" dt="2021-07-07T03:43:53.739" v="452" actId="478"/>
          <ac:spMkLst>
            <pc:docMk/>
            <pc:sldMk cId="1543190650" sldId="9314"/>
            <ac:spMk id="24" creationId="{4B8A072D-1812-4694-B80B-A666D3B8D9B1}"/>
          </ac:spMkLst>
        </pc:spChg>
        <pc:spChg chg="del">
          <ac:chgData name="Jose Palomino" userId="206526be-19f3-44dd-b92d-d9565a95ed37" providerId="ADAL" clId="{810442C4-3FC5-4E43-948E-99B47869521A}" dt="2021-07-07T03:56:27.103" v="716" actId="478"/>
          <ac:spMkLst>
            <pc:docMk/>
            <pc:sldMk cId="1543190650" sldId="9314"/>
            <ac:spMk id="25" creationId="{67A546D3-EF1B-4DEC-BD79-151338E59FDB}"/>
          </ac:spMkLst>
        </pc:spChg>
        <pc:spChg chg="mod">
          <ac:chgData name="Jose Palomino" userId="206526be-19f3-44dd-b92d-d9565a95ed37" providerId="ADAL" clId="{810442C4-3FC5-4E43-948E-99B47869521A}" dt="2021-07-07T03:43:48.647" v="451" actId="1076"/>
          <ac:spMkLst>
            <pc:docMk/>
            <pc:sldMk cId="1543190650" sldId="9314"/>
            <ac:spMk id="26" creationId="{19477611-7B5D-451E-8486-933982E3D099}"/>
          </ac:spMkLst>
        </pc:spChg>
        <pc:spChg chg="add mod">
          <ac:chgData name="Jose Palomino" userId="206526be-19f3-44dd-b92d-d9565a95ed37" providerId="ADAL" clId="{810442C4-3FC5-4E43-948E-99B47869521A}" dt="2021-07-07T03:36:13.457" v="424" actId="20577"/>
          <ac:spMkLst>
            <pc:docMk/>
            <pc:sldMk cId="1543190650" sldId="9314"/>
            <ac:spMk id="30" creationId="{EF7431ED-AB7A-4B0D-A2B0-AC9B672A0433}"/>
          </ac:spMkLst>
        </pc:spChg>
        <pc:spChg chg="del">
          <ac:chgData name="Jose Palomino" userId="206526be-19f3-44dd-b92d-d9565a95ed37" providerId="ADAL" clId="{810442C4-3FC5-4E43-948E-99B47869521A}" dt="2021-07-07T03:43:55.554" v="453" actId="478"/>
          <ac:spMkLst>
            <pc:docMk/>
            <pc:sldMk cId="1543190650" sldId="9314"/>
            <ac:spMk id="37" creationId="{71B12DB3-9913-45FC-9681-254FEB0CC150}"/>
          </ac:spMkLst>
        </pc:spChg>
        <pc:spChg chg="del">
          <ac:chgData name="Jose Palomino" userId="206526be-19f3-44dd-b92d-d9565a95ed37" providerId="ADAL" clId="{810442C4-3FC5-4E43-948E-99B47869521A}" dt="2021-07-07T03:56:28.358" v="717" actId="478"/>
          <ac:spMkLst>
            <pc:docMk/>
            <pc:sldMk cId="1543190650" sldId="9314"/>
            <ac:spMk id="38" creationId="{A5559114-26ED-4444-82BC-D66DE16911BD}"/>
          </ac:spMkLst>
        </pc:spChg>
        <pc:spChg chg="add del mod">
          <ac:chgData name="Jose Palomino" userId="206526be-19f3-44dd-b92d-d9565a95ed37" providerId="ADAL" clId="{810442C4-3FC5-4E43-948E-99B47869521A}" dt="2021-07-07T03:43:59.891" v="455"/>
          <ac:spMkLst>
            <pc:docMk/>
            <pc:sldMk cId="1543190650" sldId="9314"/>
            <ac:spMk id="43" creationId="{5BA85C59-4322-4506-A36C-D8AF89097549}"/>
          </ac:spMkLst>
        </pc:spChg>
        <pc:spChg chg="add mod">
          <ac:chgData name="Jose Palomino" userId="206526be-19f3-44dd-b92d-d9565a95ed37" providerId="ADAL" clId="{810442C4-3FC5-4E43-948E-99B47869521A}" dt="2021-07-07T03:44:44.944" v="462" actId="20577"/>
          <ac:spMkLst>
            <pc:docMk/>
            <pc:sldMk cId="1543190650" sldId="9314"/>
            <ac:spMk id="44" creationId="{0F58B6F1-AAE2-4A6A-A156-E4B3A31FEA88}"/>
          </ac:spMkLst>
        </pc:spChg>
        <pc:spChg chg="add mod">
          <ac:chgData name="Jose Palomino" userId="206526be-19f3-44dd-b92d-d9565a95ed37" providerId="ADAL" clId="{810442C4-3FC5-4E43-948E-99B47869521A}" dt="2021-07-07T03:44:48.104" v="464" actId="20577"/>
          <ac:spMkLst>
            <pc:docMk/>
            <pc:sldMk cId="1543190650" sldId="9314"/>
            <ac:spMk id="45" creationId="{3152F4F6-F8FF-4EF6-8B2C-6E06F951FD1E}"/>
          </ac:spMkLst>
        </pc:spChg>
        <pc:spChg chg="add mod">
          <ac:chgData name="Jose Palomino" userId="206526be-19f3-44dd-b92d-d9565a95ed37" providerId="ADAL" clId="{810442C4-3FC5-4E43-948E-99B47869521A}" dt="2021-07-07T04:01:00.623" v="930" actId="20577"/>
          <ac:spMkLst>
            <pc:docMk/>
            <pc:sldMk cId="1543190650" sldId="9314"/>
            <ac:spMk id="46" creationId="{AF481853-D600-43C6-B569-4959E6B5B239}"/>
          </ac:spMkLst>
        </pc:spChg>
        <pc:spChg chg="add mod">
          <ac:chgData name="Jose Palomino" userId="206526be-19f3-44dd-b92d-d9565a95ed37" providerId="ADAL" clId="{810442C4-3FC5-4E43-948E-99B47869521A}" dt="2021-07-07T04:05:24.602" v="1137" actId="6549"/>
          <ac:spMkLst>
            <pc:docMk/>
            <pc:sldMk cId="1543190650" sldId="9314"/>
            <ac:spMk id="47" creationId="{D4AB6D38-D4DD-4A22-925E-0FEC9D7D4B83}"/>
          </ac:spMkLst>
        </pc:spChg>
        <pc:spChg chg="del mod ord">
          <ac:chgData name="Jose Palomino" userId="206526be-19f3-44dd-b92d-d9565a95ed37" providerId="ADAL" clId="{810442C4-3FC5-4E43-948E-99B47869521A}" dt="2021-07-07T03:35:09.842" v="395" actId="478"/>
          <ac:spMkLst>
            <pc:docMk/>
            <pc:sldMk cId="1543190650" sldId="9314"/>
            <ac:spMk id="61" creationId="{4ECCF4F7-1D92-4851-AD90-8FB5A773E1A3}"/>
          </ac:spMkLst>
        </pc:spChg>
        <pc:spChg chg="del">
          <ac:chgData name="Jose Palomino" userId="206526be-19f3-44dd-b92d-d9565a95ed37" providerId="ADAL" clId="{810442C4-3FC5-4E43-948E-99B47869521A}" dt="2021-07-07T03:35:11.854" v="396" actId="478"/>
          <ac:spMkLst>
            <pc:docMk/>
            <pc:sldMk cId="1543190650" sldId="9314"/>
            <ac:spMk id="76" creationId="{0CD77544-B792-47A2-A090-7CB9C4715B0B}"/>
          </ac:spMkLst>
        </pc:spChg>
        <pc:picChg chg="add mod">
          <ac:chgData name="Jose Palomino" userId="206526be-19f3-44dd-b92d-d9565a95ed37" providerId="ADAL" clId="{810442C4-3FC5-4E43-948E-99B47869521A}" dt="2021-07-07T03:42:38.467" v="431" actId="1076"/>
          <ac:picMkLst>
            <pc:docMk/>
            <pc:sldMk cId="1543190650" sldId="9314"/>
            <ac:picMk id="4" creationId="{896CD88D-6EBD-43DC-8A41-E9666CA6C756}"/>
          </ac:picMkLst>
        </pc:picChg>
        <pc:picChg chg="del">
          <ac:chgData name="Jose Palomino" userId="206526be-19f3-44dd-b92d-d9565a95ed37" providerId="ADAL" clId="{810442C4-3FC5-4E43-948E-99B47869521A}" dt="2021-07-07T03:42:41.624" v="432" actId="478"/>
          <ac:picMkLst>
            <pc:docMk/>
            <pc:sldMk cId="1543190650" sldId="9314"/>
            <ac:picMk id="27" creationId="{E3762374-EDAF-4C6B-B983-1E649088F1DD}"/>
          </ac:picMkLst>
        </pc:picChg>
        <pc:picChg chg="del">
          <ac:chgData name="Jose Palomino" userId="206526be-19f3-44dd-b92d-d9565a95ed37" providerId="ADAL" clId="{810442C4-3FC5-4E43-948E-99B47869521A}" dt="2021-07-07T03:41:24.164" v="426" actId="478"/>
          <ac:picMkLst>
            <pc:docMk/>
            <pc:sldMk cId="1543190650" sldId="9314"/>
            <ac:picMk id="28" creationId="{904B5575-AEE4-4E3C-AA16-9BE85E845C5C}"/>
          </ac:picMkLst>
        </pc:picChg>
        <pc:picChg chg="del">
          <ac:chgData name="Jose Palomino" userId="206526be-19f3-44dd-b92d-d9565a95ed37" providerId="ADAL" clId="{810442C4-3FC5-4E43-948E-99B47869521A}" dt="2021-07-07T03:42:42.930" v="433" actId="478"/>
          <ac:picMkLst>
            <pc:docMk/>
            <pc:sldMk cId="1543190650" sldId="9314"/>
            <ac:picMk id="39" creationId="{2B7ECE8F-B9D3-4846-9E6B-2440AB0636ED}"/>
          </ac:picMkLst>
        </pc:picChg>
        <pc:picChg chg="del">
          <ac:chgData name="Jose Palomino" userId="206526be-19f3-44dd-b92d-d9565a95ed37" providerId="ADAL" clId="{810442C4-3FC5-4E43-948E-99B47869521A}" dt="2021-07-07T03:35:13.679" v="397" actId="478"/>
          <ac:picMkLst>
            <pc:docMk/>
            <pc:sldMk cId="1543190650" sldId="9314"/>
            <ac:picMk id="40" creationId="{FC462746-9FBD-4272-99DB-6CC2F3789F60}"/>
          </ac:picMkLst>
        </pc:picChg>
        <pc:picChg chg="add mod">
          <ac:chgData name="Jose Palomino" userId="206526be-19f3-44dd-b92d-d9565a95ed37" providerId="ADAL" clId="{810442C4-3FC5-4E43-948E-99B47869521A}" dt="2021-07-07T03:42:50.346" v="435" actId="1076"/>
          <ac:picMkLst>
            <pc:docMk/>
            <pc:sldMk cId="1543190650" sldId="9314"/>
            <ac:picMk id="41" creationId="{D07AB8F5-EB9B-48E6-9FE8-65B403DCEA32}"/>
          </ac:picMkLst>
        </pc:picChg>
        <pc:picChg chg="add mod">
          <ac:chgData name="Jose Palomino" userId="206526be-19f3-44dd-b92d-d9565a95ed37" providerId="ADAL" clId="{810442C4-3FC5-4E43-948E-99B47869521A}" dt="2021-07-07T03:43:20.865" v="438" actId="1076"/>
          <ac:picMkLst>
            <pc:docMk/>
            <pc:sldMk cId="1543190650" sldId="9314"/>
            <ac:picMk id="42" creationId="{5C0EFCB0-669E-4CCD-9D13-EDE40D864D0A}"/>
          </ac:picMkLst>
        </pc:picChg>
      </pc:sldChg>
      <pc:sldChg chg="new del">
        <pc:chgData name="Jose Palomino" userId="206526be-19f3-44dd-b92d-d9565a95ed37" providerId="ADAL" clId="{810442C4-3FC5-4E43-948E-99B47869521A}" dt="2021-07-07T03:35:39.489" v="400" actId="2696"/>
        <pc:sldMkLst>
          <pc:docMk/>
          <pc:sldMk cId="1880395928" sldId="9315"/>
        </pc:sldMkLst>
      </pc:sldChg>
      <pc:sldChg chg="new del">
        <pc:chgData name="Jose Palomino" userId="206526be-19f3-44dd-b92d-d9565a95ed37" providerId="ADAL" clId="{810442C4-3FC5-4E43-948E-99B47869521A}" dt="2021-07-07T04:09:09.488" v="1194" actId="2696"/>
        <pc:sldMkLst>
          <pc:docMk/>
          <pc:sldMk cId="2509068021" sldId="9316"/>
        </pc:sldMkLst>
      </pc:sldChg>
      <pc:sldMasterChg chg="delSldLayout">
        <pc:chgData name="Jose Palomino" userId="206526be-19f3-44dd-b92d-d9565a95ed37" providerId="ADAL" clId="{810442C4-3FC5-4E43-948E-99B47869521A}" dt="2021-07-07T04:09:09.488" v="1194" actId="2696"/>
        <pc:sldMasterMkLst>
          <pc:docMk/>
          <pc:sldMasterMk cId="58841591" sldId="2147483662"/>
        </pc:sldMasterMkLst>
        <pc:sldLayoutChg chg="del">
          <pc:chgData name="Jose Palomino" userId="206526be-19f3-44dd-b92d-d9565a95ed37" providerId="ADAL" clId="{810442C4-3FC5-4E43-948E-99B47869521A}" dt="2021-07-07T04:09:09.488" v="1194" actId="2696"/>
          <pc:sldLayoutMkLst>
            <pc:docMk/>
            <pc:sldMasterMk cId="58841591" sldId="2147483662"/>
            <pc:sldLayoutMk cId="2106029725" sldId="2147483681"/>
          </pc:sldLayoutMkLst>
        </pc:sldLayoutChg>
      </pc:sldMasterChg>
    </pc:docChg>
  </pc:docChgLst>
  <pc:docChgLst>
    <pc:chgData name="Jose Palomino" userId="206526be-19f3-44dd-b92d-d9565a95ed37" providerId="ADAL" clId="{532E27E7-494A-47FD-9B0A-751C70001BAE}"/>
    <pc:docChg chg="modSld">
      <pc:chgData name="Jose Palomino" userId="206526be-19f3-44dd-b92d-d9565a95ed37" providerId="ADAL" clId="{532E27E7-494A-47FD-9B0A-751C70001BAE}" dt="2022-03-02T00:49:59.631" v="5" actId="20577"/>
      <pc:docMkLst>
        <pc:docMk/>
      </pc:docMkLst>
      <pc:sldChg chg="modSp mod">
        <pc:chgData name="Jose Palomino" userId="206526be-19f3-44dd-b92d-d9565a95ed37" providerId="ADAL" clId="{532E27E7-494A-47FD-9B0A-751C70001BAE}" dt="2022-03-02T00:49:59.631" v="5" actId="20577"/>
        <pc:sldMkLst>
          <pc:docMk/>
          <pc:sldMk cId="1929714402" sldId="256"/>
        </pc:sldMkLst>
        <pc:spChg chg="mod">
          <ac:chgData name="Jose Palomino" userId="206526be-19f3-44dd-b92d-d9565a95ed37" providerId="ADAL" clId="{532E27E7-494A-47FD-9B0A-751C70001BAE}" dt="2022-03-02T00:49:59.631" v="5" actId="20577"/>
          <ac:spMkLst>
            <pc:docMk/>
            <pc:sldMk cId="1929714402" sldId="256"/>
            <ac:spMk id="2" creationId="{9352A549-E604-43C6-ADA3-61F3EC69D54D}"/>
          </ac:spMkLst>
        </pc:spChg>
      </pc:sldChg>
    </pc:docChg>
  </pc:docChgLst>
  <pc:docChgLst>
    <pc:chgData name="Jose Palomino" userId="206526be-19f3-44dd-b92d-d9565a95ed37" providerId="ADAL" clId="{254D80F0-1090-469A-8641-EAA70A7FCF3A}"/>
    <pc:docChg chg="modSld">
      <pc:chgData name="Jose Palomino" userId="206526be-19f3-44dd-b92d-d9565a95ed37" providerId="ADAL" clId="{254D80F0-1090-469A-8641-EAA70A7FCF3A}" dt="2021-12-22T03:20:44.373" v="46" actId="20577"/>
      <pc:docMkLst>
        <pc:docMk/>
      </pc:docMkLst>
      <pc:sldChg chg="modSp mod">
        <pc:chgData name="Jose Palomino" userId="206526be-19f3-44dd-b92d-d9565a95ed37" providerId="ADAL" clId="{254D80F0-1090-469A-8641-EAA70A7FCF3A}" dt="2021-12-22T03:20:10.386" v="26" actId="1076"/>
        <pc:sldMkLst>
          <pc:docMk/>
          <pc:sldMk cId="1929714402" sldId="256"/>
        </pc:sldMkLst>
        <pc:spChg chg="mod">
          <ac:chgData name="Jose Palomino" userId="206526be-19f3-44dd-b92d-d9565a95ed37" providerId="ADAL" clId="{254D80F0-1090-469A-8641-EAA70A7FCF3A}" dt="2021-12-22T03:20:10.386" v="26" actId="1076"/>
          <ac:spMkLst>
            <pc:docMk/>
            <pc:sldMk cId="1929714402" sldId="256"/>
            <ac:spMk id="2" creationId="{9352A549-E604-43C6-ADA3-61F3EC69D54D}"/>
          </ac:spMkLst>
        </pc:spChg>
      </pc:sldChg>
      <pc:sldChg chg="modSp mod">
        <pc:chgData name="Jose Palomino" userId="206526be-19f3-44dd-b92d-d9565a95ed37" providerId="ADAL" clId="{254D80F0-1090-469A-8641-EAA70A7FCF3A}" dt="2021-12-22T03:20:44.373" v="46" actId="20577"/>
        <pc:sldMkLst>
          <pc:docMk/>
          <pc:sldMk cId="3535275093" sldId="319"/>
        </pc:sldMkLst>
        <pc:spChg chg="mod">
          <ac:chgData name="Jose Palomino" userId="206526be-19f3-44dd-b92d-d9565a95ed37" providerId="ADAL" clId="{254D80F0-1090-469A-8641-EAA70A7FCF3A}" dt="2021-12-22T03:20:44.373" v="46" actId="20577"/>
          <ac:spMkLst>
            <pc:docMk/>
            <pc:sldMk cId="3535275093" sldId="319"/>
            <ac:spMk id="3" creationId="{16A94EE5-33CD-45DC-ADB8-167B960004DA}"/>
          </ac:spMkLst>
        </pc:spChg>
      </pc:sldChg>
    </pc:docChg>
  </pc:docChgLst>
  <pc:docChgLst>
    <pc:chgData name="Jose Palomino" userId="206526be-19f3-44dd-b92d-d9565a95ed37" providerId="ADAL" clId="{AB458AA0-9F66-4292-B782-404D45EA324D}"/>
    <pc:docChg chg="custSel modSld">
      <pc:chgData name="Jose Palomino" userId="206526be-19f3-44dd-b92d-d9565a95ed37" providerId="ADAL" clId="{AB458AA0-9F66-4292-B782-404D45EA324D}" dt="2022-03-16T16:44:32.929" v="531" actId="1076"/>
      <pc:docMkLst>
        <pc:docMk/>
      </pc:docMkLst>
      <pc:sldChg chg="addSp delSp modSp mod">
        <pc:chgData name="Jose Palomino" userId="206526be-19f3-44dd-b92d-d9565a95ed37" providerId="ADAL" clId="{AB458AA0-9F66-4292-B782-404D45EA324D}" dt="2022-03-16T16:44:32.929" v="531" actId="1076"/>
        <pc:sldMkLst>
          <pc:docMk/>
          <pc:sldMk cId="3535275093" sldId="319"/>
        </pc:sldMkLst>
        <pc:spChg chg="mod">
          <ac:chgData name="Jose Palomino" userId="206526be-19f3-44dd-b92d-d9565a95ed37" providerId="ADAL" clId="{AB458AA0-9F66-4292-B782-404D45EA324D}" dt="2022-03-16T16:44:14.610" v="529" actId="20577"/>
          <ac:spMkLst>
            <pc:docMk/>
            <pc:sldMk cId="3535275093" sldId="319"/>
            <ac:spMk id="5" creationId="{6EF78644-B068-442D-B06A-7D5C2839B7DB}"/>
          </ac:spMkLst>
        </pc:spChg>
        <pc:spChg chg="mod">
          <ac:chgData name="Jose Palomino" userId="206526be-19f3-44dd-b92d-d9565a95ed37" providerId="ADAL" clId="{AB458AA0-9F66-4292-B782-404D45EA324D}" dt="2022-03-16T16:43:31.555" v="503" actId="11"/>
          <ac:spMkLst>
            <pc:docMk/>
            <pc:sldMk cId="3535275093" sldId="319"/>
            <ac:spMk id="6" creationId="{42256E06-986F-4276-9144-59497AE12D82}"/>
          </ac:spMkLst>
        </pc:spChg>
        <pc:spChg chg="add mod">
          <ac:chgData name="Jose Palomino" userId="206526be-19f3-44dd-b92d-d9565a95ed37" providerId="ADAL" clId="{AB458AA0-9F66-4292-B782-404D45EA324D}" dt="2022-03-16T16:44:32.929" v="531" actId="1076"/>
          <ac:spMkLst>
            <pc:docMk/>
            <pc:sldMk cId="3535275093" sldId="319"/>
            <ac:spMk id="9" creationId="{02D4D6C4-A1CD-4E6E-B1ED-7A71EA7F84AA}"/>
          </ac:spMkLst>
        </pc:spChg>
        <pc:spChg chg="del">
          <ac:chgData name="Jose Palomino" userId="206526be-19f3-44dd-b92d-d9565a95ed37" providerId="ADAL" clId="{AB458AA0-9F66-4292-B782-404D45EA324D}" dt="2022-03-16T16:43:15.009" v="501" actId="478"/>
          <ac:spMkLst>
            <pc:docMk/>
            <pc:sldMk cId="3535275093" sldId="319"/>
            <ac:spMk id="13" creationId="{42256E06-986F-4276-9144-59497AE12D82}"/>
          </ac:spMkLst>
        </pc:spChg>
      </pc:sldChg>
      <pc:sldChg chg="delSp modSp mod">
        <pc:chgData name="Jose Palomino" userId="206526be-19f3-44dd-b92d-d9565a95ed37" providerId="ADAL" clId="{AB458AA0-9F66-4292-B782-404D45EA324D}" dt="2022-03-16T16:42:53.737" v="500" actId="1076"/>
        <pc:sldMkLst>
          <pc:docMk/>
          <pc:sldMk cId="4223570417" sldId="355"/>
        </pc:sldMkLst>
        <pc:spChg chg="mod">
          <ac:chgData name="Jose Palomino" userId="206526be-19f3-44dd-b92d-d9565a95ed37" providerId="ADAL" clId="{AB458AA0-9F66-4292-B782-404D45EA324D}" dt="2022-03-16T16:42:53.737" v="500" actId="1076"/>
          <ac:spMkLst>
            <pc:docMk/>
            <pc:sldMk cId="4223570417" sldId="355"/>
            <ac:spMk id="8" creationId="{00000000-0000-0000-0000-000000000000}"/>
          </ac:spMkLst>
        </pc:spChg>
        <pc:spChg chg="del">
          <ac:chgData name="Jose Palomino" userId="206526be-19f3-44dd-b92d-d9565a95ed37" providerId="ADAL" clId="{AB458AA0-9F66-4292-B782-404D45EA324D}" dt="2022-03-16T16:42:46.698" v="499" actId="478"/>
          <ac:spMkLst>
            <pc:docMk/>
            <pc:sldMk cId="4223570417" sldId="355"/>
            <ac:spMk id="9" creationId="{00000000-0000-0000-0000-000000000000}"/>
          </ac:spMkLst>
        </pc:spChg>
        <pc:spChg chg="del">
          <ac:chgData name="Jose Palomino" userId="206526be-19f3-44dd-b92d-d9565a95ed37" providerId="ADAL" clId="{AB458AA0-9F66-4292-B782-404D45EA324D}" dt="2022-03-16T16:42:45.168" v="498" actId="478"/>
          <ac:spMkLst>
            <pc:docMk/>
            <pc:sldMk cId="4223570417" sldId="355"/>
            <ac:spMk id="11" creationId="{19D47CB3-E6F1-4493-B6AF-426E99629236}"/>
          </ac:spMkLst>
        </pc:spChg>
        <pc:graphicFrameChg chg="modGraphic">
          <ac:chgData name="Jose Palomino" userId="206526be-19f3-44dd-b92d-d9565a95ed37" providerId="ADAL" clId="{AB458AA0-9F66-4292-B782-404D45EA324D}" dt="2022-03-16T16:42:41.552" v="497" actId="21"/>
          <ac:graphicFrameMkLst>
            <pc:docMk/>
            <pc:sldMk cId="4223570417" sldId="355"/>
            <ac:graphicFrameMk id="3" creationId="{7859C871-B5E5-4142-8742-9A5F3C4A8887}"/>
          </ac:graphicFrameMkLst>
        </pc:graphicFrameChg>
      </pc:sldChg>
      <pc:sldChg chg="modSp mod">
        <pc:chgData name="Jose Palomino" userId="206526be-19f3-44dd-b92d-d9565a95ed37" providerId="ADAL" clId="{AB458AA0-9F66-4292-B782-404D45EA324D}" dt="2022-03-16T16:37:05.211" v="106" actId="115"/>
        <pc:sldMkLst>
          <pc:docMk/>
          <pc:sldMk cId="3871344331" sldId="356"/>
        </pc:sldMkLst>
        <pc:spChg chg="mod">
          <ac:chgData name="Jose Palomino" userId="206526be-19f3-44dd-b92d-d9565a95ed37" providerId="ADAL" clId="{AB458AA0-9F66-4292-B782-404D45EA324D}" dt="2022-03-16T16:36:59.678" v="104" actId="14100"/>
          <ac:spMkLst>
            <pc:docMk/>
            <pc:sldMk cId="3871344331" sldId="356"/>
            <ac:spMk id="3" creationId="{C85D59CE-FE47-4D19-99CD-1CDE6589AF80}"/>
          </ac:spMkLst>
        </pc:spChg>
        <pc:spChg chg="mod">
          <ac:chgData name="Jose Palomino" userId="206526be-19f3-44dd-b92d-d9565a95ed37" providerId="ADAL" clId="{AB458AA0-9F66-4292-B782-404D45EA324D}" dt="2022-03-16T16:37:05.211" v="106" actId="115"/>
          <ac:spMkLst>
            <pc:docMk/>
            <pc:sldMk cId="3871344331" sldId="356"/>
            <ac:spMk id="4" creationId="{E2617DC5-47E9-49A6-9662-D313D76B4537}"/>
          </ac:spMkLst>
        </pc:spChg>
      </pc:sldChg>
      <pc:sldChg chg="mod modShow">
        <pc:chgData name="Jose Palomino" userId="206526be-19f3-44dd-b92d-d9565a95ed37" providerId="ADAL" clId="{AB458AA0-9F66-4292-B782-404D45EA324D}" dt="2022-03-16T16:40:18.490" v="152" actId="729"/>
        <pc:sldMkLst>
          <pc:docMk/>
          <pc:sldMk cId="657840877" sldId="366"/>
        </pc:sldMkLst>
      </pc:sldChg>
      <pc:sldChg chg="modSp mod">
        <pc:chgData name="Jose Palomino" userId="206526be-19f3-44dd-b92d-d9565a95ed37" providerId="ADAL" clId="{AB458AA0-9F66-4292-B782-404D45EA324D}" dt="2022-03-16T16:39:41.998" v="151" actId="1076"/>
        <pc:sldMkLst>
          <pc:docMk/>
          <pc:sldMk cId="2603522842" sldId="370"/>
        </pc:sldMkLst>
        <pc:spChg chg="mod">
          <ac:chgData name="Jose Palomino" userId="206526be-19f3-44dd-b92d-d9565a95ed37" providerId="ADAL" clId="{AB458AA0-9F66-4292-B782-404D45EA324D}" dt="2022-03-16T16:39:38.104" v="150" actId="14100"/>
          <ac:spMkLst>
            <pc:docMk/>
            <pc:sldMk cId="2603522842" sldId="370"/>
            <ac:spMk id="130" creationId="{9FA51D0D-72BE-41E3-996F-50E8E4C448CC}"/>
          </ac:spMkLst>
        </pc:spChg>
        <pc:picChg chg="mod">
          <ac:chgData name="Jose Palomino" userId="206526be-19f3-44dd-b92d-d9565a95ed37" providerId="ADAL" clId="{AB458AA0-9F66-4292-B782-404D45EA324D}" dt="2022-03-16T16:39:41.998" v="151" actId="1076"/>
          <ac:picMkLst>
            <pc:docMk/>
            <pc:sldMk cId="2603522842" sldId="370"/>
            <ac:picMk id="99" creationId="{C8620226-3F4C-4855-BB94-C9021AF6FD70}"/>
          </ac:picMkLst>
        </pc:picChg>
      </pc:sldChg>
      <pc:sldChg chg="mod modShow">
        <pc:chgData name="Jose Palomino" userId="206526be-19f3-44dd-b92d-d9565a95ed37" providerId="ADAL" clId="{AB458AA0-9F66-4292-B782-404D45EA324D}" dt="2022-03-16T16:40:21.038" v="153" actId="729"/>
        <pc:sldMkLst>
          <pc:docMk/>
          <pc:sldMk cId="3330071810" sldId="373"/>
        </pc:sldMkLst>
      </pc:sldChg>
      <pc:sldChg chg="mod modShow">
        <pc:chgData name="Jose Palomino" userId="206526be-19f3-44dd-b92d-d9565a95ed37" providerId="ADAL" clId="{AB458AA0-9F66-4292-B782-404D45EA324D}" dt="2022-03-16T16:40:23.235" v="154" actId="729"/>
        <pc:sldMkLst>
          <pc:docMk/>
          <pc:sldMk cId="289774673" sldId="374"/>
        </pc:sldMkLst>
      </pc:sldChg>
    </pc:docChg>
  </pc:docChgLst>
  <pc:docChgLst>
    <pc:chgData name="Jose Palomino" userId="206526be-19f3-44dd-b92d-d9565a95ed37" providerId="ADAL" clId="{59558E20-427C-4144-94C9-485E82135CAC}"/>
    <pc:docChg chg="undo custSel delSld modSld">
      <pc:chgData name="Jose Palomino" userId="206526be-19f3-44dd-b92d-d9565a95ed37" providerId="ADAL" clId="{59558E20-427C-4144-94C9-485E82135CAC}" dt="2021-05-24T18:14:28.854" v="373" actId="47"/>
      <pc:docMkLst>
        <pc:docMk/>
      </pc:docMkLst>
      <pc:sldChg chg="modSp mod">
        <pc:chgData name="Jose Palomino" userId="206526be-19f3-44dd-b92d-d9565a95ed37" providerId="ADAL" clId="{59558E20-427C-4144-94C9-485E82135CAC}" dt="2021-05-24T14:51:51.969" v="17" actId="1076"/>
        <pc:sldMkLst>
          <pc:docMk/>
          <pc:sldMk cId="1929714402" sldId="256"/>
        </pc:sldMkLst>
        <pc:spChg chg="mod">
          <ac:chgData name="Jose Palomino" userId="206526be-19f3-44dd-b92d-d9565a95ed37" providerId="ADAL" clId="{59558E20-427C-4144-94C9-485E82135CAC}" dt="2021-05-24T14:51:51.969" v="17" actId="1076"/>
          <ac:spMkLst>
            <pc:docMk/>
            <pc:sldMk cId="1929714402" sldId="256"/>
            <ac:spMk id="2" creationId="{9352A549-E604-43C6-ADA3-61F3EC69D54D}"/>
          </ac:spMkLst>
        </pc:spChg>
        <pc:picChg chg="mod">
          <ac:chgData name="Jose Palomino" userId="206526be-19f3-44dd-b92d-d9565a95ed37" providerId="ADAL" clId="{59558E20-427C-4144-94C9-485E82135CAC}" dt="2021-05-24T14:51:46.627" v="16" actId="1076"/>
          <ac:picMkLst>
            <pc:docMk/>
            <pc:sldMk cId="1929714402" sldId="256"/>
            <ac:picMk id="5" creationId="{72108080-DDE5-A74D-BB2B-E71EDBA3D53F}"/>
          </ac:picMkLst>
        </pc:picChg>
      </pc:sldChg>
      <pc:sldChg chg="addSp modSp mod">
        <pc:chgData name="Jose Palomino" userId="206526be-19f3-44dd-b92d-d9565a95ed37" providerId="ADAL" clId="{59558E20-427C-4144-94C9-485E82135CAC}" dt="2021-05-24T18:14:18.100" v="372" actId="20577"/>
        <pc:sldMkLst>
          <pc:docMk/>
          <pc:sldMk cId="80923623" sldId="326"/>
        </pc:sldMkLst>
        <pc:spChg chg="mod">
          <ac:chgData name="Jose Palomino" userId="206526be-19f3-44dd-b92d-d9565a95ed37" providerId="ADAL" clId="{59558E20-427C-4144-94C9-485E82135CAC}" dt="2021-05-24T18:11:34.435" v="279" actId="20577"/>
          <ac:spMkLst>
            <pc:docMk/>
            <pc:sldMk cId="80923623" sldId="326"/>
            <ac:spMk id="2" creationId="{10EA9DF2-1198-44CA-BC21-76388C69B785}"/>
          </ac:spMkLst>
        </pc:spChg>
        <pc:spChg chg="mod">
          <ac:chgData name="Jose Palomino" userId="206526be-19f3-44dd-b92d-d9565a95ed37" providerId="ADAL" clId="{59558E20-427C-4144-94C9-485E82135CAC}" dt="2021-05-24T18:12:30.003" v="305" actId="1076"/>
          <ac:spMkLst>
            <pc:docMk/>
            <pc:sldMk cId="80923623" sldId="326"/>
            <ac:spMk id="4" creationId="{124EEC82-B237-4088-82E2-65B5DECA9BAC}"/>
          </ac:spMkLst>
        </pc:spChg>
        <pc:spChg chg="add mod">
          <ac:chgData name="Jose Palomino" userId="206526be-19f3-44dd-b92d-d9565a95ed37" providerId="ADAL" clId="{59558E20-427C-4144-94C9-485E82135CAC}" dt="2021-05-24T18:14:18.100" v="372" actId="20577"/>
          <ac:spMkLst>
            <pc:docMk/>
            <pc:sldMk cId="80923623" sldId="326"/>
            <ac:spMk id="5" creationId="{D3577E25-019B-4372-9F96-2935DEEC542D}"/>
          </ac:spMkLst>
        </pc:spChg>
      </pc:sldChg>
      <pc:sldChg chg="modSp mod">
        <pc:chgData name="Jose Palomino" userId="206526be-19f3-44dd-b92d-d9565a95ed37" providerId="ADAL" clId="{59558E20-427C-4144-94C9-485E82135CAC}" dt="2021-05-24T14:52:05.184" v="18" actId="1076"/>
        <pc:sldMkLst>
          <pc:docMk/>
          <pc:sldMk cId="1846785049" sldId="329"/>
        </pc:sldMkLst>
        <pc:spChg chg="mod">
          <ac:chgData name="Jose Palomino" userId="206526be-19f3-44dd-b92d-d9565a95ed37" providerId="ADAL" clId="{59558E20-427C-4144-94C9-485E82135CAC}" dt="2021-05-24T14:52:05.184" v="18" actId="1076"/>
          <ac:spMkLst>
            <pc:docMk/>
            <pc:sldMk cId="1846785049" sldId="329"/>
            <ac:spMk id="7" creationId="{A56CDADB-31AE-4584-8F0A-A488053394C4}"/>
          </ac:spMkLst>
        </pc:spChg>
      </pc:sldChg>
      <pc:sldChg chg="modSp">
        <pc:chgData name="Jose Palomino" userId="206526be-19f3-44dd-b92d-d9565a95ed37" providerId="ADAL" clId="{59558E20-427C-4144-94C9-485E82135CAC}" dt="2021-05-24T18:09:50.639" v="201" actId="20577"/>
        <pc:sldMkLst>
          <pc:docMk/>
          <pc:sldMk cId="2295105898" sldId="331"/>
        </pc:sldMkLst>
        <pc:graphicFrameChg chg="mod">
          <ac:chgData name="Jose Palomino" userId="206526be-19f3-44dd-b92d-d9565a95ed37" providerId="ADAL" clId="{59558E20-427C-4144-94C9-485E82135CAC}" dt="2021-05-24T18:09:50.639" v="201" actId="20577"/>
          <ac:graphicFrameMkLst>
            <pc:docMk/>
            <pc:sldMk cId="2295105898" sldId="331"/>
            <ac:graphicFrameMk id="8" creationId="{5E786044-309C-4D76-B17B-D3F6297BDDEE}"/>
          </ac:graphicFrameMkLst>
        </pc:graphicFrameChg>
      </pc:sldChg>
      <pc:sldChg chg="del">
        <pc:chgData name="Jose Palomino" userId="206526be-19f3-44dd-b92d-d9565a95ed37" providerId="ADAL" clId="{59558E20-427C-4144-94C9-485E82135CAC}" dt="2021-05-24T18:14:28.854" v="373" actId="47"/>
        <pc:sldMkLst>
          <pc:docMk/>
          <pc:sldMk cId="3780138085" sldId="332"/>
        </pc:sldMkLst>
      </pc:sldChg>
    </pc:docChg>
  </pc:docChgLst>
  <pc:docChgLst>
    <pc:chgData name="Jose Palomino" userId="206526be-19f3-44dd-b92d-d9565a95ed37" providerId="ADAL" clId="{BAFD4D69-4698-4067-B614-553729AE5CED}"/>
    <pc:docChg chg="modSld">
      <pc:chgData name="Jose Palomino" userId="206526be-19f3-44dd-b92d-d9565a95ed37" providerId="ADAL" clId="{BAFD4D69-4698-4067-B614-553729AE5CED}" dt="2022-03-15T18:49:18.667" v="3" actId="20577"/>
      <pc:docMkLst>
        <pc:docMk/>
      </pc:docMkLst>
      <pc:sldChg chg="modSp mod">
        <pc:chgData name="Jose Palomino" userId="206526be-19f3-44dd-b92d-d9565a95ed37" providerId="ADAL" clId="{BAFD4D69-4698-4067-B614-553729AE5CED}" dt="2022-03-15T18:49:18.667" v="3" actId="20577"/>
        <pc:sldMkLst>
          <pc:docMk/>
          <pc:sldMk cId="1929714402" sldId="256"/>
        </pc:sldMkLst>
        <pc:spChg chg="mod">
          <ac:chgData name="Jose Palomino" userId="206526be-19f3-44dd-b92d-d9565a95ed37" providerId="ADAL" clId="{BAFD4D69-4698-4067-B614-553729AE5CED}" dt="2022-03-15T18:49:18.667" v="3" actId="20577"/>
          <ac:spMkLst>
            <pc:docMk/>
            <pc:sldMk cId="1929714402" sldId="256"/>
            <ac:spMk id="2" creationId="{9352A549-E604-43C6-ADA3-61F3EC69D54D}"/>
          </ac:spMkLst>
        </pc:spChg>
      </pc:sldChg>
    </pc:docChg>
  </pc:docChgLst>
  <pc:docChgLst>
    <pc:chgData name="Jose Palomino" userId="206526be-19f3-44dd-b92d-d9565a95ed37" providerId="ADAL" clId="{E4FD294C-15D6-419B-BD51-FF861391FCBE}"/>
    <pc:docChg chg="modSld">
      <pc:chgData name="Jose Palomino" userId="206526be-19f3-44dd-b92d-d9565a95ed37" providerId="ADAL" clId="{E4FD294C-15D6-419B-BD51-FF861391FCBE}" dt="2022-01-07T21:39:36.124" v="39"/>
      <pc:docMkLst>
        <pc:docMk/>
      </pc:docMkLst>
      <pc:sldChg chg="addSp delSp modSp mod">
        <pc:chgData name="Jose Palomino" userId="206526be-19f3-44dd-b92d-d9565a95ed37" providerId="ADAL" clId="{E4FD294C-15D6-419B-BD51-FF861391FCBE}" dt="2022-01-07T21:38:23.482" v="21" actId="21"/>
        <pc:sldMkLst>
          <pc:docMk/>
          <pc:sldMk cId="1929714402" sldId="256"/>
        </pc:sldMkLst>
        <pc:spChg chg="mod">
          <ac:chgData name="Jose Palomino" userId="206526be-19f3-44dd-b92d-d9565a95ed37" providerId="ADAL" clId="{E4FD294C-15D6-419B-BD51-FF861391FCBE}" dt="2022-01-07T00:52:38.056" v="11" actId="20577"/>
          <ac:spMkLst>
            <pc:docMk/>
            <pc:sldMk cId="1929714402" sldId="256"/>
            <ac:spMk id="2" creationId="{9352A549-E604-43C6-ADA3-61F3EC69D54D}"/>
          </ac:spMkLst>
        </pc:spChg>
        <pc:picChg chg="add del">
          <ac:chgData name="Jose Palomino" userId="206526be-19f3-44dd-b92d-d9565a95ed37" providerId="ADAL" clId="{E4FD294C-15D6-419B-BD51-FF861391FCBE}" dt="2022-01-07T21:38:14.767" v="19" actId="21"/>
          <ac:picMkLst>
            <pc:docMk/>
            <pc:sldMk cId="1929714402" sldId="256"/>
            <ac:picMk id="5" creationId="{72108080-DDE5-A74D-BB2B-E71EDBA3D53F}"/>
          </ac:picMkLst>
        </pc:picChg>
        <pc:picChg chg="add del mod">
          <ac:chgData name="Jose Palomino" userId="206526be-19f3-44dd-b92d-d9565a95ed37" providerId="ADAL" clId="{E4FD294C-15D6-419B-BD51-FF861391FCBE}" dt="2022-01-07T21:38:23.482" v="21" actId="21"/>
          <ac:picMkLst>
            <pc:docMk/>
            <pc:sldMk cId="1929714402" sldId="256"/>
            <ac:picMk id="1026" creationId="{ACA2C234-20A1-4BB7-BE5E-3AFAACB49E48}"/>
          </ac:picMkLst>
        </pc:picChg>
      </pc:sldChg>
      <pc:sldChg chg="addSp modSp">
        <pc:chgData name="Jose Palomino" userId="206526be-19f3-44dd-b92d-d9565a95ed37" providerId="ADAL" clId="{E4FD294C-15D6-419B-BD51-FF861391FCBE}" dt="2022-01-07T21:38:45.622" v="27" actId="14100"/>
        <pc:sldMkLst>
          <pc:docMk/>
          <pc:sldMk cId="3535275093" sldId="319"/>
        </pc:sldMkLst>
        <pc:picChg chg="add mod">
          <ac:chgData name="Jose Palomino" userId="206526be-19f3-44dd-b92d-d9565a95ed37" providerId="ADAL" clId="{E4FD294C-15D6-419B-BD51-FF861391FCBE}" dt="2022-01-07T21:38:45.622" v="27" actId="14100"/>
          <ac:picMkLst>
            <pc:docMk/>
            <pc:sldMk cId="3535275093" sldId="319"/>
            <ac:picMk id="8" creationId="{3BBB2BC2-B8C1-404D-AC4D-6855C8D1C7D8}"/>
          </ac:picMkLst>
        </pc:picChg>
      </pc:sldChg>
      <pc:sldChg chg="addSp modSp">
        <pc:chgData name="Jose Palomino" userId="206526be-19f3-44dd-b92d-d9565a95ed37" providerId="ADAL" clId="{E4FD294C-15D6-419B-BD51-FF861391FCBE}" dt="2022-01-07T21:38:50.065" v="28"/>
        <pc:sldMkLst>
          <pc:docMk/>
          <pc:sldMk cId="3525927913" sldId="336"/>
        </pc:sldMkLst>
        <pc:picChg chg="add mod">
          <ac:chgData name="Jose Palomino" userId="206526be-19f3-44dd-b92d-d9565a95ed37" providerId="ADAL" clId="{E4FD294C-15D6-419B-BD51-FF861391FCBE}" dt="2022-01-07T21:38:50.065" v="28"/>
          <ac:picMkLst>
            <pc:docMk/>
            <pc:sldMk cId="3525927913" sldId="336"/>
            <ac:picMk id="99" creationId="{C8620226-3F4C-4855-BB94-C9021AF6FD70}"/>
          </ac:picMkLst>
        </pc:picChg>
      </pc:sldChg>
      <pc:sldChg chg="addSp modSp">
        <pc:chgData name="Jose Palomino" userId="206526be-19f3-44dd-b92d-d9565a95ed37" providerId="ADAL" clId="{E4FD294C-15D6-419B-BD51-FF861391FCBE}" dt="2022-01-07T21:39:36.124" v="39"/>
        <pc:sldMkLst>
          <pc:docMk/>
          <pc:sldMk cId="1855345817" sldId="347"/>
        </pc:sldMkLst>
        <pc:picChg chg="add mod">
          <ac:chgData name="Jose Palomino" userId="206526be-19f3-44dd-b92d-d9565a95ed37" providerId="ADAL" clId="{E4FD294C-15D6-419B-BD51-FF861391FCBE}" dt="2022-01-07T21:39:36.124" v="39"/>
          <ac:picMkLst>
            <pc:docMk/>
            <pc:sldMk cId="1855345817" sldId="347"/>
            <ac:picMk id="5" creationId="{B9FE1339-0F0A-4D0E-B667-5A1578B52A1D}"/>
          </ac:picMkLst>
        </pc:picChg>
      </pc:sldChg>
      <pc:sldChg chg="addSp modSp mod">
        <pc:chgData name="Jose Palomino" userId="206526be-19f3-44dd-b92d-d9565a95ed37" providerId="ADAL" clId="{E4FD294C-15D6-419B-BD51-FF861391FCBE}" dt="2022-01-07T21:39:30.612" v="37" actId="1076"/>
        <pc:sldMkLst>
          <pc:docMk/>
          <pc:sldMk cId="3589240902" sldId="353"/>
        </pc:sldMkLst>
        <pc:spChg chg="mod">
          <ac:chgData name="Jose Palomino" userId="206526be-19f3-44dd-b92d-d9565a95ed37" providerId="ADAL" clId="{E4FD294C-15D6-419B-BD51-FF861391FCBE}" dt="2022-01-07T04:07:43.028" v="14" actId="1076"/>
          <ac:spMkLst>
            <pc:docMk/>
            <pc:sldMk cId="3589240902" sldId="353"/>
            <ac:spMk id="8" creationId="{00000000-0000-0000-0000-000000000000}"/>
          </ac:spMkLst>
        </pc:spChg>
        <pc:spChg chg="mod">
          <ac:chgData name="Jose Palomino" userId="206526be-19f3-44dd-b92d-d9565a95ed37" providerId="ADAL" clId="{E4FD294C-15D6-419B-BD51-FF861391FCBE}" dt="2022-01-07T04:07:27.582" v="13" actId="1076"/>
          <ac:spMkLst>
            <pc:docMk/>
            <pc:sldMk cId="3589240902" sldId="353"/>
            <ac:spMk id="9" creationId="{00000000-0000-0000-0000-000000000000}"/>
          </ac:spMkLst>
        </pc:spChg>
        <pc:spChg chg="mod">
          <ac:chgData name="Jose Palomino" userId="206526be-19f3-44dd-b92d-d9565a95ed37" providerId="ADAL" clId="{E4FD294C-15D6-419B-BD51-FF861391FCBE}" dt="2022-01-07T04:07:07.761" v="12" actId="1076"/>
          <ac:spMkLst>
            <pc:docMk/>
            <pc:sldMk cId="3589240902" sldId="353"/>
            <ac:spMk id="10" creationId="{00000000-0000-0000-0000-000000000000}"/>
          </ac:spMkLst>
        </pc:spChg>
        <pc:picChg chg="add mod">
          <ac:chgData name="Jose Palomino" userId="206526be-19f3-44dd-b92d-d9565a95ed37" providerId="ADAL" clId="{E4FD294C-15D6-419B-BD51-FF861391FCBE}" dt="2022-01-07T21:39:30.612" v="37" actId="1076"/>
          <ac:picMkLst>
            <pc:docMk/>
            <pc:sldMk cId="3589240902" sldId="353"/>
            <ac:picMk id="11" creationId="{DEE2A253-20A8-4BA5-A52F-024B3DDEDFFF}"/>
          </ac:picMkLst>
        </pc:picChg>
      </pc:sldChg>
      <pc:sldChg chg="addSp modSp">
        <pc:chgData name="Jose Palomino" userId="206526be-19f3-44dd-b92d-d9565a95ed37" providerId="ADAL" clId="{E4FD294C-15D6-419B-BD51-FF861391FCBE}" dt="2022-01-07T21:39:16.904" v="35" actId="1076"/>
        <pc:sldMkLst>
          <pc:docMk/>
          <pc:sldMk cId="4223570417" sldId="355"/>
        </pc:sldMkLst>
        <pc:picChg chg="add mod">
          <ac:chgData name="Jose Palomino" userId="206526be-19f3-44dd-b92d-d9565a95ed37" providerId="ADAL" clId="{E4FD294C-15D6-419B-BD51-FF861391FCBE}" dt="2022-01-07T21:39:16.904" v="35" actId="1076"/>
          <ac:picMkLst>
            <pc:docMk/>
            <pc:sldMk cId="4223570417" sldId="355"/>
            <ac:picMk id="10" creationId="{B98ED993-4F5E-4D7B-A5F1-D41BCC19A457}"/>
          </ac:picMkLst>
        </pc:picChg>
      </pc:sldChg>
      <pc:sldChg chg="addSp modSp">
        <pc:chgData name="Jose Palomino" userId="206526be-19f3-44dd-b92d-d9565a95ed37" providerId="ADAL" clId="{E4FD294C-15D6-419B-BD51-FF861391FCBE}" dt="2022-01-07T21:39:33.119" v="38"/>
        <pc:sldMkLst>
          <pc:docMk/>
          <pc:sldMk cId="3871344331" sldId="356"/>
        </pc:sldMkLst>
        <pc:picChg chg="add mod">
          <ac:chgData name="Jose Palomino" userId="206526be-19f3-44dd-b92d-d9565a95ed37" providerId="ADAL" clId="{E4FD294C-15D6-419B-BD51-FF861391FCBE}" dt="2022-01-07T21:39:33.119" v="38"/>
          <ac:picMkLst>
            <pc:docMk/>
            <pc:sldMk cId="3871344331" sldId="356"/>
            <ac:picMk id="5" creationId="{C382335C-0157-49E9-90AC-3CC51C4704A5}"/>
          </ac:picMkLst>
        </pc:picChg>
      </pc:sldChg>
      <pc:sldChg chg="addSp modSp">
        <pc:chgData name="Jose Palomino" userId="206526be-19f3-44dd-b92d-d9565a95ed37" providerId="ADAL" clId="{E4FD294C-15D6-419B-BD51-FF861391FCBE}" dt="2022-01-07T21:38:52.606" v="29"/>
        <pc:sldMkLst>
          <pc:docMk/>
          <pc:sldMk cId="4100556712" sldId="360"/>
        </pc:sldMkLst>
        <pc:picChg chg="add mod">
          <ac:chgData name="Jose Palomino" userId="206526be-19f3-44dd-b92d-d9565a95ed37" providerId="ADAL" clId="{E4FD294C-15D6-419B-BD51-FF861391FCBE}" dt="2022-01-07T21:38:52.606" v="29"/>
          <ac:picMkLst>
            <pc:docMk/>
            <pc:sldMk cId="4100556712" sldId="360"/>
            <ac:picMk id="14" creationId="{D5626CDB-6770-438B-8CEC-32A586D93A7F}"/>
          </ac:picMkLst>
        </pc:picChg>
      </pc:sldChg>
      <pc:sldChg chg="addSp modSp">
        <pc:chgData name="Jose Palomino" userId="206526be-19f3-44dd-b92d-d9565a95ed37" providerId="ADAL" clId="{E4FD294C-15D6-419B-BD51-FF861391FCBE}" dt="2022-01-07T21:39:03.088" v="32"/>
        <pc:sldMkLst>
          <pc:docMk/>
          <pc:sldMk cId="948133311" sldId="361"/>
        </pc:sldMkLst>
        <pc:picChg chg="add mod">
          <ac:chgData name="Jose Palomino" userId="206526be-19f3-44dd-b92d-d9565a95ed37" providerId="ADAL" clId="{E4FD294C-15D6-419B-BD51-FF861391FCBE}" dt="2022-01-07T21:39:03.088" v="32"/>
          <ac:picMkLst>
            <pc:docMk/>
            <pc:sldMk cId="948133311" sldId="361"/>
            <ac:picMk id="14" creationId="{0CD85D79-BACD-42FC-B23C-DCCEFF00BF3F}"/>
          </ac:picMkLst>
        </pc:picChg>
      </pc:sldChg>
      <pc:sldChg chg="addSp modSp">
        <pc:chgData name="Jose Palomino" userId="206526be-19f3-44dd-b92d-d9565a95ed37" providerId="ADAL" clId="{E4FD294C-15D6-419B-BD51-FF861391FCBE}" dt="2022-01-07T21:39:05.361" v="33"/>
        <pc:sldMkLst>
          <pc:docMk/>
          <pc:sldMk cId="2572149734" sldId="362"/>
        </pc:sldMkLst>
        <pc:picChg chg="add mod">
          <ac:chgData name="Jose Palomino" userId="206526be-19f3-44dd-b92d-d9565a95ed37" providerId="ADAL" clId="{E4FD294C-15D6-419B-BD51-FF861391FCBE}" dt="2022-01-07T21:39:05.361" v="33"/>
          <ac:picMkLst>
            <pc:docMk/>
            <pc:sldMk cId="2572149734" sldId="362"/>
            <ac:picMk id="14" creationId="{ACD30DB2-0823-4B18-A72C-FBE3FDB19B29}"/>
          </ac:picMkLst>
        </pc:picChg>
      </pc:sldChg>
      <pc:sldChg chg="addSp modSp">
        <pc:chgData name="Jose Palomino" userId="206526be-19f3-44dd-b92d-d9565a95ed37" providerId="ADAL" clId="{E4FD294C-15D6-419B-BD51-FF861391FCBE}" dt="2022-01-07T21:38:58.834" v="31" actId="1076"/>
        <pc:sldMkLst>
          <pc:docMk/>
          <pc:sldMk cId="1783316609" sldId="363"/>
        </pc:sldMkLst>
        <pc:picChg chg="add mod">
          <ac:chgData name="Jose Palomino" userId="206526be-19f3-44dd-b92d-d9565a95ed37" providerId="ADAL" clId="{E4FD294C-15D6-419B-BD51-FF861391FCBE}" dt="2022-01-07T21:38:58.834" v="31" actId="1076"/>
          <ac:picMkLst>
            <pc:docMk/>
            <pc:sldMk cId="1783316609" sldId="363"/>
            <ac:picMk id="6" creationId="{10BEF5EE-892A-45B2-98DD-69464C1AFB28}"/>
          </ac:picMkLst>
        </pc:picChg>
      </pc:sldChg>
    </pc:docChg>
  </pc:docChgLst>
  <pc:docChgLst>
    <pc:chgData name="Jose Palomino" userId="206526be-19f3-44dd-b92d-d9565a95ed37" providerId="ADAL" clId="{147A9F9D-F4DD-450C-87AD-27F0590BCB84}"/>
    <pc:docChg chg="modSld">
      <pc:chgData name="Jose Palomino" userId="206526be-19f3-44dd-b92d-d9565a95ed37" providerId="ADAL" clId="{147A9F9D-F4DD-450C-87AD-27F0590BCB84}" dt="2021-12-22T23:10:31.080" v="40" actId="20577"/>
      <pc:docMkLst>
        <pc:docMk/>
      </pc:docMkLst>
      <pc:sldChg chg="modSp">
        <pc:chgData name="Jose Palomino" userId="206526be-19f3-44dd-b92d-d9565a95ed37" providerId="ADAL" clId="{147A9F9D-F4DD-450C-87AD-27F0590BCB84}" dt="2021-12-22T23:10:03.543" v="21" actId="20577"/>
        <pc:sldMkLst>
          <pc:docMk/>
          <pc:sldMk cId="1828672352" sldId="337"/>
        </pc:sldMkLst>
        <pc:spChg chg="mod">
          <ac:chgData name="Jose Palomino" userId="206526be-19f3-44dd-b92d-d9565a95ed37" providerId="ADAL" clId="{147A9F9D-F4DD-450C-87AD-27F0590BCB84}" dt="2021-12-22T23:10:03.543" v="21" actId="20577"/>
          <ac:spMkLst>
            <pc:docMk/>
            <pc:sldMk cId="1828672352" sldId="337"/>
            <ac:spMk id="83" creationId="{E2617DC5-47E9-49A6-9662-D313D76B4537}"/>
          </ac:spMkLst>
        </pc:spChg>
      </pc:sldChg>
      <pc:sldChg chg="modSp mod">
        <pc:chgData name="Jose Palomino" userId="206526be-19f3-44dd-b92d-d9565a95ed37" providerId="ADAL" clId="{147A9F9D-F4DD-450C-87AD-27F0590BCB84}" dt="2021-12-22T23:10:31.080" v="40" actId="20577"/>
        <pc:sldMkLst>
          <pc:docMk/>
          <pc:sldMk cId="4223570417" sldId="355"/>
        </pc:sldMkLst>
        <pc:graphicFrameChg chg="modGraphic">
          <ac:chgData name="Jose Palomino" userId="206526be-19f3-44dd-b92d-d9565a95ed37" providerId="ADAL" clId="{147A9F9D-F4DD-450C-87AD-27F0590BCB84}" dt="2021-12-22T23:10:31.080" v="40" actId="20577"/>
          <ac:graphicFrameMkLst>
            <pc:docMk/>
            <pc:sldMk cId="4223570417" sldId="355"/>
            <ac:graphicFrameMk id="3" creationId="{7859C871-B5E5-4142-8742-9A5F3C4A8887}"/>
          </ac:graphicFrameMkLst>
        </pc:graphicFrameChg>
      </pc:sldChg>
    </pc:docChg>
  </pc:docChgLst>
  <pc:docChgLst>
    <pc:chgData name="Jose Palomino" userId="206526be-19f3-44dd-b92d-d9565a95ed37" providerId="ADAL" clId="{9B015580-E60B-4BC9-BCFB-20CBDA90A76F}"/>
    <pc:docChg chg="undo custSel delSld modSld">
      <pc:chgData name="Jose Palomino" userId="206526be-19f3-44dd-b92d-d9565a95ed37" providerId="ADAL" clId="{9B015580-E60B-4BC9-BCFB-20CBDA90A76F}" dt="2022-04-13T15:21:47.184" v="6846" actId="1076"/>
      <pc:docMkLst>
        <pc:docMk/>
      </pc:docMkLst>
      <pc:sldChg chg="modSp mod">
        <pc:chgData name="Jose Palomino" userId="206526be-19f3-44dd-b92d-d9565a95ed37" providerId="ADAL" clId="{9B015580-E60B-4BC9-BCFB-20CBDA90A76F}" dt="2022-04-13T01:45:15.540" v="5" actId="20577"/>
        <pc:sldMkLst>
          <pc:docMk/>
          <pc:sldMk cId="1929714402" sldId="256"/>
        </pc:sldMkLst>
        <pc:spChg chg="mod">
          <ac:chgData name="Jose Palomino" userId="206526be-19f3-44dd-b92d-d9565a95ed37" providerId="ADAL" clId="{9B015580-E60B-4BC9-BCFB-20CBDA90A76F}" dt="2022-04-13T01:45:15.540" v="5" actId="20577"/>
          <ac:spMkLst>
            <pc:docMk/>
            <pc:sldMk cId="1929714402" sldId="256"/>
            <ac:spMk id="2" creationId="{9352A549-E604-43C6-ADA3-61F3EC69D54D}"/>
          </ac:spMkLst>
        </pc:spChg>
      </pc:sldChg>
      <pc:sldChg chg="addSp modSp mod">
        <pc:chgData name="Jose Palomino" userId="206526be-19f3-44dd-b92d-d9565a95ed37" providerId="ADAL" clId="{9B015580-E60B-4BC9-BCFB-20CBDA90A76F}" dt="2022-04-13T15:21:47.184" v="6846" actId="1076"/>
        <pc:sldMkLst>
          <pc:docMk/>
          <pc:sldMk cId="4223570417" sldId="355"/>
        </pc:sldMkLst>
        <pc:spChg chg="mod">
          <ac:chgData name="Jose Palomino" userId="206526be-19f3-44dd-b92d-d9565a95ed37" providerId="ADAL" clId="{9B015580-E60B-4BC9-BCFB-20CBDA90A76F}" dt="2022-04-13T15:21:07.924" v="6844" actId="1076"/>
          <ac:spMkLst>
            <pc:docMk/>
            <pc:sldMk cId="4223570417" sldId="355"/>
            <ac:spMk id="8" creationId="{00000000-0000-0000-0000-000000000000}"/>
          </ac:spMkLst>
        </pc:spChg>
        <pc:spChg chg="add mod">
          <ac:chgData name="Jose Palomino" userId="206526be-19f3-44dd-b92d-d9565a95ed37" providerId="ADAL" clId="{9B015580-E60B-4BC9-BCFB-20CBDA90A76F}" dt="2022-04-13T15:21:21.662" v="6845" actId="1076"/>
          <ac:spMkLst>
            <pc:docMk/>
            <pc:sldMk cId="4223570417" sldId="355"/>
            <ac:spMk id="9" creationId="{6A124067-7549-489D-AB67-07F437733E6E}"/>
          </ac:spMkLst>
        </pc:spChg>
        <pc:spChg chg="add mod">
          <ac:chgData name="Jose Palomino" userId="206526be-19f3-44dd-b92d-d9565a95ed37" providerId="ADAL" clId="{9B015580-E60B-4BC9-BCFB-20CBDA90A76F}" dt="2022-04-13T15:21:47.184" v="6846" actId="1076"/>
          <ac:spMkLst>
            <pc:docMk/>
            <pc:sldMk cId="4223570417" sldId="355"/>
            <ac:spMk id="11" creationId="{0B1CD40B-8EB1-4265-995C-082DC805A24A}"/>
          </ac:spMkLst>
        </pc:spChg>
        <pc:graphicFrameChg chg="mod modGraphic">
          <ac:chgData name="Jose Palomino" userId="206526be-19f3-44dd-b92d-d9565a95ed37" providerId="ADAL" clId="{9B015580-E60B-4BC9-BCFB-20CBDA90A76F}" dt="2022-04-13T15:19:48.546" v="6833" actId="20577"/>
          <ac:graphicFrameMkLst>
            <pc:docMk/>
            <pc:sldMk cId="4223570417" sldId="355"/>
            <ac:graphicFrameMk id="3" creationId="{7859C871-B5E5-4142-8742-9A5F3C4A8887}"/>
          </ac:graphicFrameMkLst>
        </pc:graphicFrameChg>
      </pc:sldChg>
      <pc:sldChg chg="delSp modSp mod">
        <pc:chgData name="Jose Palomino" userId="206526be-19f3-44dd-b92d-d9565a95ed37" providerId="ADAL" clId="{9B015580-E60B-4BC9-BCFB-20CBDA90A76F}" dt="2022-04-13T02:04:49.484" v="697" actId="478"/>
        <pc:sldMkLst>
          <pc:docMk/>
          <pc:sldMk cId="657840877" sldId="366"/>
        </pc:sldMkLst>
        <pc:spChg chg="del">
          <ac:chgData name="Jose Palomino" userId="206526be-19f3-44dd-b92d-d9565a95ed37" providerId="ADAL" clId="{9B015580-E60B-4BC9-BCFB-20CBDA90A76F}" dt="2022-04-13T02:04:49.484" v="697" actId="478"/>
          <ac:spMkLst>
            <pc:docMk/>
            <pc:sldMk cId="657840877" sldId="366"/>
            <ac:spMk id="7" creationId="{17806A7C-CA4F-44B1-8B90-B9B1382B9E5F}"/>
          </ac:spMkLst>
        </pc:spChg>
        <pc:graphicFrameChg chg="mod modGraphic">
          <ac:chgData name="Jose Palomino" userId="206526be-19f3-44dd-b92d-d9565a95ed37" providerId="ADAL" clId="{9B015580-E60B-4BC9-BCFB-20CBDA90A76F}" dt="2022-04-13T02:04:31.952" v="696" actId="113"/>
          <ac:graphicFrameMkLst>
            <pc:docMk/>
            <pc:sldMk cId="657840877" sldId="366"/>
            <ac:graphicFrameMk id="4" creationId="{3428D1C3-1AB3-47B7-8B56-CBAE25F3ABD9}"/>
          </ac:graphicFrameMkLst>
        </pc:graphicFrameChg>
      </pc:sldChg>
      <pc:sldChg chg="modSp mod">
        <pc:chgData name="Jose Palomino" userId="206526be-19f3-44dd-b92d-d9565a95ed37" providerId="ADAL" clId="{9B015580-E60B-4BC9-BCFB-20CBDA90A76F}" dt="2022-04-13T14:58:50.503" v="5803" actId="20577"/>
        <pc:sldMkLst>
          <pc:docMk/>
          <pc:sldMk cId="3330071810" sldId="373"/>
        </pc:sldMkLst>
        <pc:spChg chg="mod">
          <ac:chgData name="Jose Palomino" userId="206526be-19f3-44dd-b92d-d9565a95ed37" providerId="ADAL" clId="{9B015580-E60B-4BC9-BCFB-20CBDA90A76F}" dt="2022-04-13T14:58:50.503" v="5803" actId="20577"/>
          <ac:spMkLst>
            <pc:docMk/>
            <pc:sldMk cId="3330071810" sldId="373"/>
            <ac:spMk id="5" creationId="{E2617DC5-47E9-49A6-9662-D313D76B4537}"/>
          </ac:spMkLst>
        </pc:spChg>
      </pc:sldChg>
      <pc:sldChg chg="modSp mod">
        <pc:chgData name="Jose Palomino" userId="206526be-19f3-44dd-b92d-d9565a95ed37" providerId="ADAL" clId="{9B015580-E60B-4BC9-BCFB-20CBDA90A76F}" dt="2022-04-13T14:35:32.186" v="5307" actId="11"/>
        <pc:sldMkLst>
          <pc:docMk/>
          <pc:sldMk cId="1080673688" sldId="375"/>
        </pc:sldMkLst>
        <pc:spChg chg="mod">
          <ac:chgData name="Jose Palomino" userId="206526be-19f3-44dd-b92d-d9565a95ed37" providerId="ADAL" clId="{9B015580-E60B-4BC9-BCFB-20CBDA90A76F}" dt="2022-04-13T14:35:32.186" v="5307" actId="11"/>
          <ac:spMkLst>
            <pc:docMk/>
            <pc:sldMk cId="1080673688" sldId="375"/>
            <ac:spMk id="5" creationId="{E2617DC5-47E9-49A6-9662-D313D76B4537}"/>
          </ac:spMkLst>
        </pc:spChg>
      </pc:sldChg>
      <pc:sldChg chg="modSp mod">
        <pc:chgData name="Jose Palomino" userId="206526be-19f3-44dd-b92d-d9565a95ed37" providerId="ADAL" clId="{9B015580-E60B-4BC9-BCFB-20CBDA90A76F}" dt="2022-04-13T02:41:55.544" v="1907" actId="14734"/>
        <pc:sldMkLst>
          <pc:docMk/>
          <pc:sldMk cId="3704902647" sldId="376"/>
        </pc:sldMkLst>
        <pc:spChg chg="mod">
          <ac:chgData name="Jose Palomino" userId="206526be-19f3-44dd-b92d-d9565a95ed37" providerId="ADAL" clId="{9B015580-E60B-4BC9-BCFB-20CBDA90A76F}" dt="2022-04-13T02:06:06.544" v="716" actId="404"/>
          <ac:spMkLst>
            <pc:docMk/>
            <pc:sldMk cId="3704902647" sldId="376"/>
            <ac:spMk id="2" creationId="{9FA51D0D-72BE-41E3-996F-50E8E4C448CC}"/>
          </ac:spMkLst>
        </pc:spChg>
        <pc:graphicFrameChg chg="mod modGraphic">
          <ac:chgData name="Jose Palomino" userId="206526be-19f3-44dd-b92d-d9565a95ed37" providerId="ADAL" clId="{9B015580-E60B-4BC9-BCFB-20CBDA90A76F}" dt="2022-04-13T02:41:55.544" v="1907" actId="14734"/>
          <ac:graphicFrameMkLst>
            <pc:docMk/>
            <pc:sldMk cId="3704902647" sldId="376"/>
            <ac:graphicFrameMk id="3" creationId="{FEDDE775-09CB-4354-8BC3-AD48E2325D79}"/>
          </ac:graphicFrameMkLst>
        </pc:graphicFrameChg>
      </pc:sldChg>
      <pc:sldChg chg="modSp mod">
        <pc:chgData name="Jose Palomino" userId="206526be-19f3-44dd-b92d-d9565a95ed37" providerId="ADAL" clId="{9B015580-E60B-4BC9-BCFB-20CBDA90A76F}" dt="2022-04-13T02:42:11.204" v="1908" actId="2165"/>
        <pc:sldMkLst>
          <pc:docMk/>
          <pc:sldMk cId="4079407582" sldId="377"/>
        </pc:sldMkLst>
        <pc:graphicFrameChg chg="mod modGraphic">
          <ac:chgData name="Jose Palomino" userId="206526be-19f3-44dd-b92d-d9565a95ed37" providerId="ADAL" clId="{9B015580-E60B-4BC9-BCFB-20CBDA90A76F}" dt="2022-04-13T02:42:11.204" v="1908" actId="2165"/>
          <ac:graphicFrameMkLst>
            <pc:docMk/>
            <pc:sldMk cId="4079407582" sldId="377"/>
            <ac:graphicFrameMk id="4" creationId="{B0456B76-EA63-43E7-9DC6-804CDE4C3F58}"/>
          </ac:graphicFrameMkLst>
        </pc:graphicFrameChg>
      </pc:sldChg>
      <pc:sldChg chg="modSp mod">
        <pc:chgData name="Jose Palomino" userId="206526be-19f3-44dd-b92d-d9565a95ed37" providerId="ADAL" clId="{9B015580-E60B-4BC9-BCFB-20CBDA90A76F}" dt="2022-04-13T03:01:46.315" v="2239" actId="14734"/>
        <pc:sldMkLst>
          <pc:docMk/>
          <pc:sldMk cId="281972960" sldId="378"/>
        </pc:sldMkLst>
        <pc:spChg chg="mod">
          <ac:chgData name="Jose Palomino" userId="206526be-19f3-44dd-b92d-d9565a95ed37" providerId="ADAL" clId="{9B015580-E60B-4BC9-BCFB-20CBDA90A76F}" dt="2022-04-13T02:43:03.531" v="1917" actId="20577"/>
          <ac:spMkLst>
            <pc:docMk/>
            <pc:sldMk cId="281972960" sldId="378"/>
            <ac:spMk id="2" creationId="{9FA51D0D-72BE-41E3-996F-50E8E4C448CC}"/>
          </ac:spMkLst>
        </pc:spChg>
        <pc:graphicFrameChg chg="mod modGraphic">
          <ac:chgData name="Jose Palomino" userId="206526be-19f3-44dd-b92d-d9565a95ed37" providerId="ADAL" clId="{9B015580-E60B-4BC9-BCFB-20CBDA90A76F}" dt="2022-04-13T03:01:46.315" v="2239" actId="14734"/>
          <ac:graphicFrameMkLst>
            <pc:docMk/>
            <pc:sldMk cId="281972960" sldId="378"/>
            <ac:graphicFrameMk id="5" creationId="{CDB2B051-1533-435B-A542-3556099F1C1A}"/>
          </ac:graphicFrameMkLst>
        </pc:graphicFrameChg>
      </pc:sldChg>
      <pc:sldChg chg="modSp mod">
        <pc:chgData name="Jose Palomino" userId="206526be-19f3-44dd-b92d-d9565a95ed37" providerId="ADAL" clId="{9B015580-E60B-4BC9-BCFB-20CBDA90A76F}" dt="2022-04-13T14:38:00.016" v="5486" actId="6549"/>
        <pc:sldMkLst>
          <pc:docMk/>
          <pc:sldMk cId="2251819352" sldId="379"/>
        </pc:sldMkLst>
        <pc:graphicFrameChg chg="mod modGraphic">
          <ac:chgData name="Jose Palomino" userId="206526be-19f3-44dd-b92d-d9565a95ed37" providerId="ADAL" clId="{9B015580-E60B-4BC9-BCFB-20CBDA90A76F}" dt="2022-04-13T14:38:00.016" v="5486" actId="6549"/>
          <ac:graphicFrameMkLst>
            <pc:docMk/>
            <pc:sldMk cId="2251819352" sldId="379"/>
            <ac:graphicFrameMk id="3" creationId="{9939B010-93A8-46A8-B0C3-9ED53DBAFD17}"/>
          </ac:graphicFrameMkLst>
        </pc:graphicFrameChg>
      </pc:sldChg>
      <pc:sldChg chg="modSp mod">
        <pc:chgData name="Jose Palomino" userId="206526be-19f3-44dd-b92d-d9565a95ed37" providerId="ADAL" clId="{9B015580-E60B-4BC9-BCFB-20CBDA90A76F}" dt="2022-04-13T04:02:14.705" v="3798" actId="207"/>
        <pc:sldMkLst>
          <pc:docMk/>
          <pc:sldMk cId="2112420584" sldId="380"/>
        </pc:sldMkLst>
        <pc:graphicFrameChg chg="mod modGraphic">
          <ac:chgData name="Jose Palomino" userId="206526be-19f3-44dd-b92d-d9565a95ed37" providerId="ADAL" clId="{9B015580-E60B-4BC9-BCFB-20CBDA90A76F}" dt="2022-04-13T04:02:14.705" v="3798" actId="207"/>
          <ac:graphicFrameMkLst>
            <pc:docMk/>
            <pc:sldMk cId="2112420584" sldId="380"/>
            <ac:graphicFrameMk id="4" creationId="{B6C9B9AF-6CFE-4C06-B06C-930893BED5DF}"/>
          </ac:graphicFrameMkLst>
        </pc:graphicFrameChg>
      </pc:sldChg>
      <pc:sldChg chg="addSp modSp mod modAnim">
        <pc:chgData name="Jose Palomino" userId="206526be-19f3-44dd-b92d-d9565a95ed37" providerId="ADAL" clId="{9B015580-E60B-4BC9-BCFB-20CBDA90A76F}" dt="2022-04-13T04:27:07.421" v="4594" actId="207"/>
        <pc:sldMkLst>
          <pc:docMk/>
          <pc:sldMk cId="3241745455" sldId="381"/>
        </pc:sldMkLst>
        <pc:spChg chg="mod">
          <ac:chgData name="Jose Palomino" userId="206526be-19f3-44dd-b92d-d9565a95ed37" providerId="ADAL" clId="{9B015580-E60B-4BC9-BCFB-20CBDA90A76F}" dt="2022-04-13T04:02:43.955" v="3808" actId="20577"/>
          <ac:spMkLst>
            <pc:docMk/>
            <pc:sldMk cId="3241745455" sldId="381"/>
            <ac:spMk id="2" creationId="{9FA51D0D-72BE-41E3-996F-50E8E4C448CC}"/>
          </ac:spMkLst>
        </pc:spChg>
        <pc:graphicFrameChg chg="mod modGraphic">
          <ac:chgData name="Jose Palomino" userId="206526be-19f3-44dd-b92d-d9565a95ed37" providerId="ADAL" clId="{9B015580-E60B-4BC9-BCFB-20CBDA90A76F}" dt="2022-04-13T04:27:07.421" v="4594" actId="207"/>
          <ac:graphicFrameMkLst>
            <pc:docMk/>
            <pc:sldMk cId="3241745455" sldId="381"/>
            <ac:graphicFrameMk id="5" creationId="{49E09370-E108-4736-BF44-E2D83B6CFD81}"/>
          </ac:graphicFrameMkLst>
        </pc:graphicFrameChg>
        <pc:graphicFrameChg chg="add mod modGraphic">
          <ac:chgData name="Jose Palomino" userId="206526be-19f3-44dd-b92d-d9565a95ed37" providerId="ADAL" clId="{9B015580-E60B-4BC9-BCFB-20CBDA90A76F}" dt="2022-04-13T04:13:48.474" v="4024" actId="1076"/>
          <ac:graphicFrameMkLst>
            <pc:docMk/>
            <pc:sldMk cId="3241745455" sldId="381"/>
            <ac:graphicFrameMk id="7" creationId="{2FA54C01-D173-4E83-BB17-3D4852846A4C}"/>
          </ac:graphicFrameMkLst>
        </pc:graphicFrameChg>
      </pc:sldChg>
      <pc:sldChg chg="addSp delSp modSp mod">
        <pc:chgData name="Jose Palomino" userId="206526be-19f3-44dd-b92d-d9565a95ed37" providerId="ADAL" clId="{9B015580-E60B-4BC9-BCFB-20CBDA90A76F}" dt="2022-04-13T14:45:36.378" v="5487" actId="1076"/>
        <pc:sldMkLst>
          <pc:docMk/>
          <pc:sldMk cId="4117052942" sldId="382"/>
        </pc:sldMkLst>
        <pc:graphicFrameChg chg="add del mod modGraphic">
          <ac:chgData name="Jose Palomino" userId="206526be-19f3-44dd-b92d-d9565a95ed37" providerId="ADAL" clId="{9B015580-E60B-4BC9-BCFB-20CBDA90A76F}" dt="2022-04-13T14:00:29.621" v="4811" actId="1076"/>
          <ac:graphicFrameMkLst>
            <pc:docMk/>
            <pc:sldMk cId="4117052942" sldId="382"/>
            <ac:graphicFrameMk id="3" creationId="{E85AECD8-C0FB-402C-95A5-B249273C8CC2}"/>
          </ac:graphicFrameMkLst>
        </pc:graphicFrameChg>
        <pc:graphicFrameChg chg="add mod modGraphic">
          <ac:chgData name="Jose Palomino" userId="206526be-19f3-44dd-b92d-d9565a95ed37" providerId="ADAL" clId="{9B015580-E60B-4BC9-BCFB-20CBDA90A76F}" dt="2022-04-13T14:45:36.378" v="5487" actId="1076"/>
          <ac:graphicFrameMkLst>
            <pc:docMk/>
            <pc:sldMk cId="4117052942" sldId="382"/>
            <ac:graphicFrameMk id="4" creationId="{ED9C1D27-6767-4AAD-9C89-41030785C31E}"/>
          </ac:graphicFrameMkLst>
        </pc:graphicFrameChg>
      </pc:sldChg>
      <pc:sldChg chg="del">
        <pc:chgData name="Jose Palomino" userId="206526be-19f3-44dd-b92d-d9565a95ed37" providerId="ADAL" clId="{9B015580-E60B-4BC9-BCFB-20CBDA90A76F}" dt="2022-04-13T15:06:17.319" v="5804" actId="47"/>
        <pc:sldMkLst>
          <pc:docMk/>
          <pc:sldMk cId="2195362817" sldId="383"/>
        </pc:sldMkLst>
      </pc:sldChg>
    </pc:docChg>
  </pc:docChgLst>
  <pc:docChgLst>
    <pc:chgData name="Jose Palomino" userId="206526be-19f3-44dd-b92d-d9565a95ed37" providerId="ADAL" clId="{72F76AFF-B2A5-4EE4-B66F-D11D634CD6DB}"/>
    <pc:docChg chg="custSel addSld delSld modSld sldOrd">
      <pc:chgData name="Jose Palomino" userId="206526be-19f3-44dd-b92d-d9565a95ed37" providerId="ADAL" clId="{72F76AFF-B2A5-4EE4-B66F-D11D634CD6DB}" dt="2021-05-06T20:46:45.905" v="730"/>
      <pc:docMkLst>
        <pc:docMk/>
      </pc:docMkLst>
      <pc:sldChg chg="modSp mod">
        <pc:chgData name="Jose Palomino" userId="206526be-19f3-44dd-b92d-d9565a95ed37" providerId="ADAL" clId="{72F76AFF-B2A5-4EE4-B66F-D11D634CD6DB}" dt="2021-05-06T19:14:21.274" v="186" actId="20577"/>
        <pc:sldMkLst>
          <pc:docMk/>
          <pc:sldMk cId="1929714402" sldId="256"/>
        </pc:sldMkLst>
        <pc:spChg chg="mod">
          <ac:chgData name="Jose Palomino" userId="206526be-19f3-44dd-b92d-d9565a95ed37" providerId="ADAL" clId="{72F76AFF-B2A5-4EE4-B66F-D11D634CD6DB}" dt="2021-05-06T19:14:21.274" v="186" actId="20577"/>
          <ac:spMkLst>
            <pc:docMk/>
            <pc:sldMk cId="1929714402" sldId="256"/>
            <ac:spMk id="2" creationId="{9352A549-E604-43C6-ADA3-61F3EC69D54D}"/>
          </ac:spMkLst>
        </pc:spChg>
      </pc:sldChg>
      <pc:sldChg chg="del">
        <pc:chgData name="Jose Palomino" userId="206526be-19f3-44dd-b92d-d9565a95ed37" providerId="ADAL" clId="{72F76AFF-B2A5-4EE4-B66F-D11D634CD6DB}" dt="2021-05-06T20:45:02.556" v="718" actId="47"/>
        <pc:sldMkLst>
          <pc:docMk/>
          <pc:sldMk cId="134073383" sldId="259"/>
        </pc:sldMkLst>
      </pc:sldChg>
      <pc:sldChg chg="del">
        <pc:chgData name="Jose Palomino" userId="206526be-19f3-44dd-b92d-d9565a95ed37" providerId="ADAL" clId="{72F76AFF-B2A5-4EE4-B66F-D11D634CD6DB}" dt="2021-05-06T20:45:07.368" v="719" actId="47"/>
        <pc:sldMkLst>
          <pc:docMk/>
          <pc:sldMk cId="1761436439" sldId="260"/>
        </pc:sldMkLst>
      </pc:sldChg>
      <pc:sldChg chg="del">
        <pc:chgData name="Jose Palomino" userId="206526be-19f3-44dd-b92d-d9565a95ed37" providerId="ADAL" clId="{72F76AFF-B2A5-4EE4-B66F-D11D634CD6DB}" dt="2021-05-06T20:45:08.191" v="720" actId="47"/>
        <pc:sldMkLst>
          <pc:docMk/>
          <pc:sldMk cId="2002837235" sldId="261"/>
        </pc:sldMkLst>
      </pc:sldChg>
      <pc:sldChg chg="del">
        <pc:chgData name="Jose Palomino" userId="206526be-19f3-44dd-b92d-d9565a95ed37" providerId="ADAL" clId="{72F76AFF-B2A5-4EE4-B66F-D11D634CD6DB}" dt="2021-05-06T20:45:09.440" v="721" actId="47"/>
        <pc:sldMkLst>
          <pc:docMk/>
          <pc:sldMk cId="3520441746" sldId="262"/>
        </pc:sldMkLst>
      </pc:sldChg>
      <pc:sldChg chg="del">
        <pc:chgData name="Jose Palomino" userId="206526be-19f3-44dd-b92d-d9565a95ed37" providerId="ADAL" clId="{72F76AFF-B2A5-4EE4-B66F-D11D634CD6DB}" dt="2021-05-06T20:45:10.334" v="722" actId="47"/>
        <pc:sldMkLst>
          <pc:docMk/>
          <pc:sldMk cId="2828835583" sldId="263"/>
        </pc:sldMkLst>
      </pc:sldChg>
      <pc:sldChg chg="del">
        <pc:chgData name="Jose Palomino" userId="206526be-19f3-44dd-b92d-d9565a95ed37" providerId="ADAL" clId="{72F76AFF-B2A5-4EE4-B66F-D11D634CD6DB}" dt="2021-05-06T20:43:34.292" v="713" actId="47"/>
        <pc:sldMkLst>
          <pc:docMk/>
          <pc:sldMk cId="3524753943" sldId="265"/>
        </pc:sldMkLst>
      </pc:sldChg>
      <pc:sldChg chg="del">
        <pc:chgData name="Jose Palomino" userId="206526be-19f3-44dd-b92d-d9565a95ed37" providerId="ADAL" clId="{72F76AFF-B2A5-4EE4-B66F-D11D634CD6DB}" dt="2021-05-06T18:24:44.531" v="0" actId="47"/>
        <pc:sldMkLst>
          <pc:docMk/>
          <pc:sldMk cId="1064438478" sldId="314"/>
        </pc:sldMkLst>
      </pc:sldChg>
      <pc:sldChg chg="del">
        <pc:chgData name="Jose Palomino" userId="206526be-19f3-44dd-b92d-d9565a95ed37" providerId="ADAL" clId="{72F76AFF-B2A5-4EE4-B66F-D11D634CD6DB}" dt="2021-05-06T18:24:45.133" v="1" actId="47"/>
        <pc:sldMkLst>
          <pc:docMk/>
          <pc:sldMk cId="2534918743" sldId="315"/>
        </pc:sldMkLst>
      </pc:sldChg>
      <pc:sldChg chg="addSp modSp mod">
        <pc:chgData name="Jose Palomino" userId="206526be-19f3-44dd-b92d-d9565a95ed37" providerId="ADAL" clId="{72F76AFF-B2A5-4EE4-B66F-D11D634CD6DB}" dt="2021-05-06T20:45:54.563" v="728" actId="403"/>
        <pc:sldMkLst>
          <pc:docMk/>
          <pc:sldMk cId="3535275093" sldId="319"/>
        </pc:sldMkLst>
        <pc:spChg chg="add mod">
          <ac:chgData name="Jose Palomino" userId="206526be-19f3-44dd-b92d-d9565a95ed37" providerId="ADAL" clId="{72F76AFF-B2A5-4EE4-B66F-D11D634CD6DB}" dt="2021-05-06T19:13:43.185" v="150" actId="1076"/>
          <ac:spMkLst>
            <pc:docMk/>
            <pc:sldMk cId="3535275093" sldId="319"/>
            <ac:spMk id="2" creationId="{25E803A7-984D-4E1D-BACC-5602CD44FEF6}"/>
          </ac:spMkLst>
        </pc:spChg>
        <pc:spChg chg="add mod">
          <ac:chgData name="Jose Palomino" userId="206526be-19f3-44dd-b92d-d9565a95ed37" providerId="ADAL" clId="{72F76AFF-B2A5-4EE4-B66F-D11D634CD6DB}" dt="2021-05-06T20:45:54.563" v="728" actId="403"/>
          <ac:spMkLst>
            <pc:docMk/>
            <pc:sldMk cId="3535275093" sldId="319"/>
            <ac:spMk id="3" creationId="{16A94EE5-33CD-45DC-ADB8-167B960004DA}"/>
          </ac:spMkLst>
        </pc:spChg>
        <pc:spChg chg="add mod">
          <ac:chgData name="Jose Palomino" userId="206526be-19f3-44dd-b92d-d9565a95ed37" providerId="ADAL" clId="{72F76AFF-B2A5-4EE4-B66F-D11D634CD6DB}" dt="2021-05-06T20:45:54.563" v="728" actId="403"/>
          <ac:spMkLst>
            <pc:docMk/>
            <pc:sldMk cId="3535275093" sldId="319"/>
            <ac:spMk id="4" creationId="{3B50F68B-564F-4AA9-8362-FF913FCE7268}"/>
          </ac:spMkLst>
        </pc:spChg>
        <pc:spChg chg="add mod">
          <ac:chgData name="Jose Palomino" userId="206526be-19f3-44dd-b92d-d9565a95ed37" providerId="ADAL" clId="{72F76AFF-B2A5-4EE4-B66F-D11D634CD6DB}" dt="2021-05-06T20:45:54.563" v="728" actId="403"/>
          <ac:spMkLst>
            <pc:docMk/>
            <pc:sldMk cId="3535275093" sldId="319"/>
            <ac:spMk id="5" creationId="{6EF78644-B068-442D-B06A-7D5C2839B7DB}"/>
          </ac:spMkLst>
        </pc:spChg>
      </pc:sldChg>
      <pc:sldChg chg="del">
        <pc:chgData name="Jose Palomino" userId="206526be-19f3-44dd-b92d-d9565a95ed37" providerId="ADAL" clId="{72F76AFF-B2A5-4EE4-B66F-D11D634CD6DB}" dt="2021-05-06T20:43:39.365" v="715" actId="47"/>
        <pc:sldMkLst>
          <pc:docMk/>
          <pc:sldMk cId="1236556310" sldId="320"/>
        </pc:sldMkLst>
      </pc:sldChg>
      <pc:sldChg chg="addSp modSp del mod">
        <pc:chgData name="Jose Palomino" userId="206526be-19f3-44dd-b92d-d9565a95ed37" providerId="ADAL" clId="{72F76AFF-B2A5-4EE4-B66F-D11D634CD6DB}" dt="2021-05-06T19:14:05.206" v="157" actId="47"/>
        <pc:sldMkLst>
          <pc:docMk/>
          <pc:sldMk cId="756208580" sldId="321"/>
        </pc:sldMkLst>
        <pc:spChg chg="mod">
          <ac:chgData name="Jose Palomino" userId="206526be-19f3-44dd-b92d-d9565a95ed37" providerId="ADAL" clId="{72F76AFF-B2A5-4EE4-B66F-D11D634CD6DB}" dt="2021-05-06T18:26:03.549" v="34" actId="403"/>
          <ac:spMkLst>
            <pc:docMk/>
            <pc:sldMk cId="756208580" sldId="321"/>
            <ac:spMk id="2" creationId="{C51BFF1F-578F-4D83-A2CD-C1DC8E670D6B}"/>
          </ac:spMkLst>
        </pc:spChg>
        <pc:spChg chg="mod">
          <ac:chgData name="Jose Palomino" userId="206526be-19f3-44dd-b92d-d9565a95ed37" providerId="ADAL" clId="{72F76AFF-B2A5-4EE4-B66F-D11D634CD6DB}" dt="2021-05-06T18:28:50.565" v="112" actId="113"/>
          <ac:spMkLst>
            <pc:docMk/>
            <pc:sldMk cId="756208580" sldId="321"/>
            <ac:spMk id="3" creationId="{8099DDB5-F37C-4F42-B79E-A0946F66C90D}"/>
          </ac:spMkLst>
        </pc:spChg>
        <pc:spChg chg="add mod">
          <ac:chgData name="Jose Palomino" userId="206526be-19f3-44dd-b92d-d9565a95ed37" providerId="ADAL" clId="{72F76AFF-B2A5-4EE4-B66F-D11D634CD6DB}" dt="2021-05-06T18:28:44.321" v="110" actId="113"/>
          <ac:spMkLst>
            <pc:docMk/>
            <pc:sldMk cId="756208580" sldId="321"/>
            <ac:spMk id="4" creationId="{30AA33BB-842B-4719-ABF6-47A7E0E8BDA4}"/>
          </ac:spMkLst>
        </pc:spChg>
        <pc:spChg chg="add mod">
          <ac:chgData name="Jose Palomino" userId="206526be-19f3-44dd-b92d-d9565a95ed37" providerId="ADAL" clId="{72F76AFF-B2A5-4EE4-B66F-D11D634CD6DB}" dt="2021-05-06T18:29:24.353" v="125" actId="20577"/>
          <ac:spMkLst>
            <pc:docMk/>
            <pc:sldMk cId="756208580" sldId="321"/>
            <ac:spMk id="5" creationId="{1A8902DE-253D-434E-9161-A771B182FC23}"/>
          </ac:spMkLst>
        </pc:spChg>
      </pc:sldChg>
      <pc:sldChg chg="del">
        <pc:chgData name="Jose Palomino" userId="206526be-19f3-44dd-b92d-d9565a95ed37" providerId="ADAL" clId="{72F76AFF-B2A5-4EE4-B66F-D11D634CD6DB}" dt="2021-05-06T20:45:11.900" v="723" actId="47"/>
        <pc:sldMkLst>
          <pc:docMk/>
          <pc:sldMk cId="752244732" sldId="322"/>
        </pc:sldMkLst>
      </pc:sldChg>
      <pc:sldChg chg="del">
        <pc:chgData name="Jose Palomino" userId="206526be-19f3-44dd-b92d-d9565a95ed37" providerId="ADAL" clId="{72F76AFF-B2A5-4EE4-B66F-D11D634CD6DB}" dt="2021-05-06T20:43:31.888" v="712" actId="47"/>
        <pc:sldMkLst>
          <pc:docMk/>
          <pc:sldMk cId="3138006061" sldId="323"/>
        </pc:sldMkLst>
      </pc:sldChg>
      <pc:sldChg chg="del">
        <pc:chgData name="Jose Palomino" userId="206526be-19f3-44dd-b92d-d9565a95ed37" providerId="ADAL" clId="{72F76AFF-B2A5-4EE4-B66F-D11D634CD6DB}" dt="2021-05-06T20:43:31.333" v="711" actId="47"/>
        <pc:sldMkLst>
          <pc:docMk/>
          <pc:sldMk cId="1504691643" sldId="324"/>
        </pc:sldMkLst>
      </pc:sldChg>
      <pc:sldChg chg="addSp modSp mod">
        <pc:chgData name="Jose Palomino" userId="206526be-19f3-44dd-b92d-d9565a95ed37" providerId="ADAL" clId="{72F76AFF-B2A5-4EE4-B66F-D11D634CD6DB}" dt="2021-05-06T20:43:14.492" v="710" actId="207"/>
        <pc:sldMkLst>
          <pc:docMk/>
          <pc:sldMk cId="3381776098" sldId="325"/>
        </pc:sldMkLst>
        <pc:spChg chg="add mod">
          <ac:chgData name="Jose Palomino" userId="206526be-19f3-44dd-b92d-d9565a95ed37" providerId="ADAL" clId="{72F76AFF-B2A5-4EE4-B66F-D11D634CD6DB}" dt="2021-05-06T20:43:14.492" v="710" actId="207"/>
          <ac:spMkLst>
            <pc:docMk/>
            <pc:sldMk cId="3381776098" sldId="325"/>
            <ac:spMk id="2" creationId="{64A5649B-1AB3-4646-A339-AD9A44DA8BC6}"/>
          </ac:spMkLst>
        </pc:spChg>
      </pc:sldChg>
      <pc:sldChg chg="addSp modSp mod ord modAnim">
        <pc:chgData name="Jose Palomino" userId="206526be-19f3-44dd-b92d-d9565a95ed37" providerId="ADAL" clId="{72F76AFF-B2A5-4EE4-B66F-D11D634CD6DB}" dt="2021-05-06T20:46:41.526" v="729"/>
        <pc:sldMkLst>
          <pc:docMk/>
          <pc:sldMk cId="80923623" sldId="326"/>
        </pc:sldMkLst>
        <pc:spChg chg="add mod">
          <ac:chgData name="Jose Palomino" userId="206526be-19f3-44dd-b92d-d9565a95ed37" providerId="ADAL" clId="{72F76AFF-B2A5-4EE4-B66F-D11D634CD6DB}" dt="2021-05-06T20:42:20.542" v="695" actId="1076"/>
          <ac:spMkLst>
            <pc:docMk/>
            <pc:sldMk cId="80923623" sldId="326"/>
            <ac:spMk id="2" creationId="{10EA9DF2-1198-44CA-BC21-76388C69B785}"/>
          </ac:spMkLst>
        </pc:spChg>
        <pc:spChg chg="add mod">
          <ac:chgData name="Jose Palomino" userId="206526be-19f3-44dd-b92d-d9565a95ed37" providerId="ADAL" clId="{72F76AFF-B2A5-4EE4-B66F-D11D634CD6DB}" dt="2021-05-06T19:51:49.941" v="456" actId="20577"/>
          <ac:spMkLst>
            <pc:docMk/>
            <pc:sldMk cId="80923623" sldId="326"/>
            <ac:spMk id="3" creationId="{6CADB9C1-3ABA-473E-A230-DDC6117ABF8A}"/>
          </ac:spMkLst>
        </pc:spChg>
      </pc:sldChg>
      <pc:sldChg chg="del">
        <pc:chgData name="Jose Palomino" userId="206526be-19f3-44dd-b92d-d9565a95ed37" providerId="ADAL" clId="{72F76AFF-B2A5-4EE4-B66F-D11D634CD6DB}" dt="2021-05-06T20:43:40.067" v="716" actId="47"/>
        <pc:sldMkLst>
          <pc:docMk/>
          <pc:sldMk cId="3098511729" sldId="327"/>
        </pc:sldMkLst>
      </pc:sldChg>
      <pc:sldChg chg="del">
        <pc:chgData name="Jose Palomino" userId="206526be-19f3-44dd-b92d-d9565a95ed37" providerId="ADAL" clId="{72F76AFF-B2A5-4EE4-B66F-D11D634CD6DB}" dt="2021-05-06T20:43:40.680" v="717" actId="47"/>
        <pc:sldMkLst>
          <pc:docMk/>
          <pc:sldMk cId="2630429404" sldId="328"/>
        </pc:sldMkLst>
      </pc:sldChg>
      <pc:sldChg chg="addSp delSp modSp add mod delAnim modAnim">
        <pc:chgData name="Jose Palomino" userId="206526be-19f3-44dd-b92d-d9565a95ed37" providerId="ADAL" clId="{72F76AFF-B2A5-4EE4-B66F-D11D634CD6DB}" dt="2021-05-06T20:46:45.905" v="730"/>
        <pc:sldMkLst>
          <pc:docMk/>
          <pc:sldMk cId="1846785049" sldId="329"/>
        </pc:sldMkLst>
        <pc:spChg chg="del">
          <ac:chgData name="Jose Palomino" userId="206526be-19f3-44dd-b92d-d9565a95ed37" providerId="ADAL" clId="{72F76AFF-B2A5-4EE4-B66F-D11D634CD6DB}" dt="2021-05-06T19:16:13.589" v="204" actId="478"/>
          <ac:spMkLst>
            <pc:docMk/>
            <pc:sldMk cId="1846785049" sldId="329"/>
            <ac:spMk id="2" creationId="{83153B96-EA91-42A3-986E-25B72CBDA05A}"/>
          </ac:spMkLst>
        </pc:spChg>
        <pc:spChg chg="del">
          <ac:chgData name="Jose Palomino" userId="206526be-19f3-44dd-b92d-d9565a95ed37" providerId="ADAL" clId="{72F76AFF-B2A5-4EE4-B66F-D11D634CD6DB}" dt="2021-05-06T19:16:10.908" v="203" actId="478"/>
          <ac:spMkLst>
            <pc:docMk/>
            <pc:sldMk cId="1846785049" sldId="329"/>
            <ac:spMk id="3" creationId="{C739DE73-1560-4CAA-9379-5E254766BF92}"/>
          </ac:spMkLst>
        </pc:spChg>
        <pc:spChg chg="mod">
          <ac:chgData name="Jose Palomino" userId="206526be-19f3-44dd-b92d-d9565a95ed37" providerId="ADAL" clId="{72F76AFF-B2A5-4EE4-B66F-D11D634CD6DB}" dt="2021-05-06T19:16:07.023" v="202" actId="20577"/>
          <ac:spMkLst>
            <pc:docMk/>
            <pc:sldMk cId="1846785049" sldId="329"/>
            <ac:spMk id="5" creationId="{9FA51D0D-72BE-41E3-996F-50E8E4C448CC}"/>
          </ac:spMkLst>
        </pc:spChg>
        <pc:spChg chg="add mod">
          <ac:chgData name="Jose Palomino" userId="206526be-19f3-44dd-b92d-d9565a95ed37" providerId="ADAL" clId="{72F76AFF-B2A5-4EE4-B66F-D11D634CD6DB}" dt="2021-05-06T19:17:41.614" v="220" actId="14100"/>
          <ac:spMkLst>
            <pc:docMk/>
            <pc:sldMk cId="1846785049" sldId="329"/>
            <ac:spMk id="7" creationId="{A56CDADB-31AE-4584-8F0A-A488053394C4}"/>
          </ac:spMkLst>
        </pc:spChg>
        <pc:spChg chg="add del mod">
          <ac:chgData name="Jose Palomino" userId="206526be-19f3-44dd-b92d-d9565a95ed37" providerId="ADAL" clId="{72F76AFF-B2A5-4EE4-B66F-D11D634CD6DB}" dt="2021-05-06T20:18:04.357" v="466" actId="478"/>
          <ac:spMkLst>
            <pc:docMk/>
            <pc:sldMk cId="1846785049" sldId="329"/>
            <ac:spMk id="8" creationId="{E23E4D4B-616A-40F8-9FA7-43CE8C515577}"/>
          </ac:spMkLst>
        </pc:spChg>
        <pc:picChg chg="del">
          <ac:chgData name="Jose Palomino" userId="206526be-19f3-44dd-b92d-d9565a95ed37" providerId="ADAL" clId="{72F76AFF-B2A5-4EE4-B66F-D11D634CD6DB}" dt="2021-05-06T19:16:14.347" v="205" actId="478"/>
          <ac:picMkLst>
            <pc:docMk/>
            <pc:sldMk cId="1846785049" sldId="329"/>
            <ac:picMk id="4" creationId="{AC6F65DB-FBF7-461E-9EA3-77EE04E69FCD}"/>
          </ac:picMkLst>
        </pc:picChg>
        <pc:picChg chg="add mod">
          <ac:chgData name="Jose Palomino" userId="206526be-19f3-44dd-b92d-d9565a95ed37" providerId="ADAL" clId="{72F76AFF-B2A5-4EE4-B66F-D11D634CD6DB}" dt="2021-05-06T19:16:41.164" v="213" actId="1076"/>
          <ac:picMkLst>
            <pc:docMk/>
            <pc:sldMk cId="1846785049" sldId="329"/>
            <ac:picMk id="6" creationId="{DBF07F91-BE84-4454-BF58-786B00334401}"/>
          </ac:picMkLst>
        </pc:picChg>
      </pc:sldChg>
      <pc:sldChg chg="delSp modSp add mod delAnim">
        <pc:chgData name="Jose Palomino" userId="206526be-19f3-44dd-b92d-d9565a95ed37" providerId="ADAL" clId="{72F76AFF-B2A5-4EE4-B66F-D11D634CD6DB}" dt="2021-05-06T19:52:25.456" v="457" actId="478"/>
        <pc:sldMkLst>
          <pc:docMk/>
          <pc:sldMk cId="1560661494" sldId="330"/>
        </pc:sldMkLst>
        <pc:spChg chg="mod">
          <ac:chgData name="Jose Palomino" userId="206526be-19f3-44dd-b92d-d9565a95ed37" providerId="ADAL" clId="{72F76AFF-B2A5-4EE4-B66F-D11D634CD6DB}" dt="2021-05-06T19:19:36.053" v="233" actId="20577"/>
          <ac:spMkLst>
            <pc:docMk/>
            <pc:sldMk cId="1560661494" sldId="330"/>
            <ac:spMk id="9" creationId="{FB2C43BA-762F-47D2-9AF2-C0AB549833A2}"/>
          </ac:spMkLst>
        </pc:spChg>
        <pc:spChg chg="del">
          <ac:chgData name="Jose Palomino" userId="206526be-19f3-44dd-b92d-d9565a95ed37" providerId="ADAL" clId="{72F76AFF-B2A5-4EE4-B66F-D11D634CD6DB}" dt="2021-05-06T19:52:25.456" v="457" actId="478"/>
          <ac:spMkLst>
            <pc:docMk/>
            <pc:sldMk cId="1560661494" sldId="330"/>
            <ac:spMk id="10" creationId="{9170D897-147E-49AE-B8D0-11187F4D5F72}"/>
          </ac:spMkLst>
        </pc:spChg>
        <pc:spChg chg="del">
          <ac:chgData name="Jose Palomino" userId="206526be-19f3-44dd-b92d-d9565a95ed37" providerId="ADAL" clId="{72F76AFF-B2A5-4EE4-B66F-D11D634CD6DB}" dt="2021-05-06T19:52:25.456" v="457" actId="478"/>
          <ac:spMkLst>
            <pc:docMk/>
            <pc:sldMk cId="1560661494" sldId="330"/>
            <ac:spMk id="11" creationId="{3B7A365C-3CF5-48DA-91D7-D904E876C98D}"/>
          </ac:spMkLst>
        </pc:spChg>
        <pc:spChg chg="del">
          <ac:chgData name="Jose Palomino" userId="206526be-19f3-44dd-b92d-d9565a95ed37" providerId="ADAL" clId="{72F76AFF-B2A5-4EE4-B66F-D11D634CD6DB}" dt="2021-05-06T19:52:25.456" v="457" actId="478"/>
          <ac:spMkLst>
            <pc:docMk/>
            <pc:sldMk cId="1560661494" sldId="330"/>
            <ac:spMk id="12" creationId="{0C05F5D7-3011-4A3E-AED3-FBDDA327063C}"/>
          </ac:spMkLst>
        </pc:spChg>
        <pc:spChg chg="del">
          <ac:chgData name="Jose Palomino" userId="206526be-19f3-44dd-b92d-d9565a95ed37" providerId="ADAL" clId="{72F76AFF-B2A5-4EE4-B66F-D11D634CD6DB}" dt="2021-05-06T19:52:25.456" v="457" actId="478"/>
          <ac:spMkLst>
            <pc:docMk/>
            <pc:sldMk cId="1560661494" sldId="330"/>
            <ac:spMk id="13" creationId="{3E46E4F5-1470-4778-A931-D22414A62EFA}"/>
          </ac:spMkLst>
        </pc:spChg>
        <pc:spChg chg="del">
          <ac:chgData name="Jose Palomino" userId="206526be-19f3-44dd-b92d-d9565a95ed37" providerId="ADAL" clId="{72F76AFF-B2A5-4EE4-B66F-D11D634CD6DB}" dt="2021-05-06T19:52:25.456" v="457" actId="478"/>
          <ac:spMkLst>
            <pc:docMk/>
            <pc:sldMk cId="1560661494" sldId="330"/>
            <ac:spMk id="14" creationId="{A1CFB4DE-E7AD-4289-9A26-FECB4E81720A}"/>
          </ac:spMkLst>
        </pc:spChg>
        <pc:spChg chg="del">
          <ac:chgData name="Jose Palomino" userId="206526be-19f3-44dd-b92d-d9565a95ed37" providerId="ADAL" clId="{72F76AFF-B2A5-4EE4-B66F-D11D634CD6DB}" dt="2021-05-06T19:52:25.456" v="457" actId="478"/>
          <ac:spMkLst>
            <pc:docMk/>
            <pc:sldMk cId="1560661494" sldId="330"/>
            <ac:spMk id="15" creationId="{0A8199DE-C133-43F4-A18F-003E2A22660B}"/>
          </ac:spMkLst>
        </pc:spChg>
        <pc:spChg chg="del">
          <ac:chgData name="Jose Palomino" userId="206526be-19f3-44dd-b92d-d9565a95ed37" providerId="ADAL" clId="{72F76AFF-B2A5-4EE4-B66F-D11D634CD6DB}" dt="2021-05-06T19:52:25.456" v="457" actId="478"/>
          <ac:spMkLst>
            <pc:docMk/>
            <pc:sldMk cId="1560661494" sldId="330"/>
            <ac:spMk id="16" creationId="{C282B36E-564E-46CC-A080-E5829CF284C4}"/>
          </ac:spMkLst>
        </pc:spChg>
        <pc:spChg chg="del">
          <ac:chgData name="Jose Palomino" userId="206526be-19f3-44dd-b92d-d9565a95ed37" providerId="ADAL" clId="{72F76AFF-B2A5-4EE4-B66F-D11D634CD6DB}" dt="2021-05-06T19:52:25.456" v="457" actId="478"/>
          <ac:spMkLst>
            <pc:docMk/>
            <pc:sldMk cId="1560661494" sldId="330"/>
            <ac:spMk id="17" creationId="{F13B2B02-60BC-4156-883D-E3B0287BFE55}"/>
          </ac:spMkLst>
        </pc:spChg>
        <pc:spChg chg="del">
          <ac:chgData name="Jose Palomino" userId="206526be-19f3-44dd-b92d-d9565a95ed37" providerId="ADAL" clId="{72F76AFF-B2A5-4EE4-B66F-D11D634CD6DB}" dt="2021-05-06T19:52:25.456" v="457" actId="478"/>
          <ac:spMkLst>
            <pc:docMk/>
            <pc:sldMk cId="1560661494" sldId="330"/>
            <ac:spMk id="18" creationId="{726C234C-0700-404E-BB38-D272BDCF26D5}"/>
          </ac:spMkLst>
        </pc:spChg>
        <pc:spChg chg="del">
          <ac:chgData name="Jose Palomino" userId="206526be-19f3-44dd-b92d-d9565a95ed37" providerId="ADAL" clId="{72F76AFF-B2A5-4EE4-B66F-D11D634CD6DB}" dt="2021-05-06T19:52:25.456" v="457" actId="478"/>
          <ac:spMkLst>
            <pc:docMk/>
            <pc:sldMk cId="1560661494" sldId="330"/>
            <ac:spMk id="19" creationId="{CAA36267-4B68-4526-90EF-766F34976169}"/>
          </ac:spMkLst>
        </pc:spChg>
        <pc:graphicFrameChg chg="mod modGraphic">
          <ac:chgData name="Jose Palomino" userId="206526be-19f3-44dd-b92d-d9565a95ed37" providerId="ADAL" clId="{72F76AFF-B2A5-4EE4-B66F-D11D634CD6DB}" dt="2021-05-06T19:43:42.982" v="430" actId="207"/>
          <ac:graphicFrameMkLst>
            <pc:docMk/>
            <pc:sldMk cId="1560661494" sldId="330"/>
            <ac:graphicFrameMk id="8" creationId="{5E786044-309C-4D76-B17B-D3F6297BDDEE}"/>
          </ac:graphicFrameMkLst>
        </pc:graphicFrameChg>
      </pc:sldChg>
      <pc:sldChg chg="delSp modSp add mod delAnim">
        <pc:chgData name="Jose Palomino" userId="206526be-19f3-44dd-b92d-d9565a95ed37" providerId="ADAL" clId="{72F76AFF-B2A5-4EE4-B66F-D11D634CD6DB}" dt="2021-05-06T19:52:29.558" v="458" actId="478"/>
        <pc:sldMkLst>
          <pc:docMk/>
          <pc:sldMk cId="2295105898" sldId="331"/>
        </pc:sldMkLst>
        <pc:spChg chg="mod">
          <ac:chgData name="Jose Palomino" userId="206526be-19f3-44dd-b92d-d9565a95ed37" providerId="ADAL" clId="{72F76AFF-B2A5-4EE4-B66F-D11D634CD6DB}" dt="2021-05-06T19:43:59.083" v="435" actId="20577"/>
          <ac:spMkLst>
            <pc:docMk/>
            <pc:sldMk cId="2295105898" sldId="331"/>
            <ac:spMk id="9" creationId="{FB2C43BA-762F-47D2-9AF2-C0AB549833A2}"/>
          </ac:spMkLst>
        </pc:spChg>
        <pc:spChg chg="del">
          <ac:chgData name="Jose Palomino" userId="206526be-19f3-44dd-b92d-d9565a95ed37" providerId="ADAL" clId="{72F76AFF-B2A5-4EE4-B66F-D11D634CD6DB}" dt="2021-05-06T19:52:29.558" v="458" actId="478"/>
          <ac:spMkLst>
            <pc:docMk/>
            <pc:sldMk cId="2295105898" sldId="331"/>
            <ac:spMk id="10" creationId="{9170D897-147E-49AE-B8D0-11187F4D5F72}"/>
          </ac:spMkLst>
        </pc:spChg>
        <pc:spChg chg="del">
          <ac:chgData name="Jose Palomino" userId="206526be-19f3-44dd-b92d-d9565a95ed37" providerId="ADAL" clId="{72F76AFF-B2A5-4EE4-B66F-D11D634CD6DB}" dt="2021-05-06T19:52:29.558" v="458" actId="478"/>
          <ac:spMkLst>
            <pc:docMk/>
            <pc:sldMk cId="2295105898" sldId="331"/>
            <ac:spMk id="11" creationId="{3B7A365C-3CF5-48DA-91D7-D904E876C98D}"/>
          </ac:spMkLst>
        </pc:spChg>
        <pc:spChg chg="del">
          <ac:chgData name="Jose Palomino" userId="206526be-19f3-44dd-b92d-d9565a95ed37" providerId="ADAL" clId="{72F76AFF-B2A5-4EE4-B66F-D11D634CD6DB}" dt="2021-05-06T19:52:29.558" v="458" actId="478"/>
          <ac:spMkLst>
            <pc:docMk/>
            <pc:sldMk cId="2295105898" sldId="331"/>
            <ac:spMk id="12" creationId="{0C05F5D7-3011-4A3E-AED3-FBDDA327063C}"/>
          </ac:spMkLst>
        </pc:spChg>
        <pc:spChg chg="del">
          <ac:chgData name="Jose Palomino" userId="206526be-19f3-44dd-b92d-d9565a95ed37" providerId="ADAL" clId="{72F76AFF-B2A5-4EE4-B66F-D11D634CD6DB}" dt="2021-05-06T19:52:29.558" v="458" actId="478"/>
          <ac:spMkLst>
            <pc:docMk/>
            <pc:sldMk cId="2295105898" sldId="331"/>
            <ac:spMk id="13" creationId="{3E46E4F5-1470-4778-A931-D22414A62EFA}"/>
          </ac:spMkLst>
        </pc:spChg>
        <pc:spChg chg="del">
          <ac:chgData name="Jose Palomino" userId="206526be-19f3-44dd-b92d-d9565a95ed37" providerId="ADAL" clId="{72F76AFF-B2A5-4EE4-B66F-D11D634CD6DB}" dt="2021-05-06T19:52:29.558" v="458" actId="478"/>
          <ac:spMkLst>
            <pc:docMk/>
            <pc:sldMk cId="2295105898" sldId="331"/>
            <ac:spMk id="14" creationId="{A1CFB4DE-E7AD-4289-9A26-FECB4E81720A}"/>
          </ac:spMkLst>
        </pc:spChg>
        <pc:spChg chg="del">
          <ac:chgData name="Jose Palomino" userId="206526be-19f3-44dd-b92d-d9565a95ed37" providerId="ADAL" clId="{72F76AFF-B2A5-4EE4-B66F-D11D634CD6DB}" dt="2021-05-06T19:52:29.558" v="458" actId="478"/>
          <ac:spMkLst>
            <pc:docMk/>
            <pc:sldMk cId="2295105898" sldId="331"/>
            <ac:spMk id="15" creationId="{0A8199DE-C133-43F4-A18F-003E2A22660B}"/>
          </ac:spMkLst>
        </pc:spChg>
        <pc:spChg chg="del">
          <ac:chgData name="Jose Palomino" userId="206526be-19f3-44dd-b92d-d9565a95ed37" providerId="ADAL" clId="{72F76AFF-B2A5-4EE4-B66F-D11D634CD6DB}" dt="2021-05-06T19:52:29.558" v="458" actId="478"/>
          <ac:spMkLst>
            <pc:docMk/>
            <pc:sldMk cId="2295105898" sldId="331"/>
            <ac:spMk id="16" creationId="{C282B36E-564E-46CC-A080-E5829CF284C4}"/>
          </ac:spMkLst>
        </pc:spChg>
        <pc:spChg chg="del">
          <ac:chgData name="Jose Palomino" userId="206526be-19f3-44dd-b92d-d9565a95ed37" providerId="ADAL" clId="{72F76AFF-B2A5-4EE4-B66F-D11D634CD6DB}" dt="2021-05-06T19:52:29.558" v="458" actId="478"/>
          <ac:spMkLst>
            <pc:docMk/>
            <pc:sldMk cId="2295105898" sldId="331"/>
            <ac:spMk id="17" creationId="{F13B2B02-60BC-4156-883D-E3B0287BFE55}"/>
          </ac:spMkLst>
        </pc:spChg>
        <pc:spChg chg="del">
          <ac:chgData name="Jose Palomino" userId="206526be-19f3-44dd-b92d-d9565a95ed37" providerId="ADAL" clId="{72F76AFF-B2A5-4EE4-B66F-D11D634CD6DB}" dt="2021-05-06T19:52:29.558" v="458" actId="478"/>
          <ac:spMkLst>
            <pc:docMk/>
            <pc:sldMk cId="2295105898" sldId="331"/>
            <ac:spMk id="18" creationId="{726C234C-0700-404E-BB38-D272BDCF26D5}"/>
          </ac:spMkLst>
        </pc:spChg>
        <pc:spChg chg="del">
          <ac:chgData name="Jose Palomino" userId="206526be-19f3-44dd-b92d-d9565a95ed37" providerId="ADAL" clId="{72F76AFF-B2A5-4EE4-B66F-D11D634CD6DB}" dt="2021-05-06T19:52:29.558" v="458" actId="478"/>
          <ac:spMkLst>
            <pc:docMk/>
            <pc:sldMk cId="2295105898" sldId="331"/>
            <ac:spMk id="19" creationId="{CAA36267-4B68-4526-90EF-766F34976169}"/>
          </ac:spMkLst>
        </pc:spChg>
      </pc:sldChg>
      <pc:sldChg chg="add del setBg">
        <pc:chgData name="Jose Palomino" userId="206526be-19f3-44dd-b92d-d9565a95ed37" providerId="ADAL" clId="{72F76AFF-B2A5-4EE4-B66F-D11D634CD6DB}" dt="2021-05-06T20:43:37.068" v="714" actId="47"/>
        <pc:sldMkLst>
          <pc:docMk/>
          <pc:sldMk cId="2560306350" sldId="332"/>
        </pc:sldMkLst>
      </pc:sldChg>
      <pc:sldMasterChg chg="delSldLayout">
        <pc:chgData name="Jose Palomino" userId="206526be-19f3-44dd-b92d-d9565a95ed37" providerId="ADAL" clId="{72F76AFF-B2A5-4EE4-B66F-D11D634CD6DB}" dt="2021-05-06T20:45:10.334" v="722" actId="47"/>
        <pc:sldMasterMkLst>
          <pc:docMk/>
          <pc:sldMasterMk cId="2594114531" sldId="2147483660"/>
        </pc:sldMasterMkLst>
        <pc:sldLayoutChg chg="del">
          <pc:chgData name="Jose Palomino" userId="206526be-19f3-44dd-b92d-d9565a95ed37" providerId="ADAL" clId="{72F76AFF-B2A5-4EE4-B66F-D11D634CD6DB}" dt="2021-05-06T20:45:10.334" v="722" actId="47"/>
          <pc:sldLayoutMkLst>
            <pc:docMk/>
            <pc:sldMasterMk cId="2594114531" sldId="2147483660"/>
            <pc:sldLayoutMk cId="2755620682" sldId="2147483681"/>
          </pc:sldLayoutMkLst>
        </pc:sldLayoutChg>
      </pc:sldMasterChg>
    </pc:docChg>
  </pc:docChgLst>
  <pc:docChgLst>
    <pc:chgData name="Jose Palomino" userId="206526be-19f3-44dd-b92d-d9565a95ed37" providerId="ADAL" clId="{9DC2FC35-755B-4936-B8A0-68B06B33CA76}"/>
    <pc:docChg chg="undo custSel addSld delSld modSld sldOrd">
      <pc:chgData name="Jose Palomino" userId="206526be-19f3-44dd-b92d-d9565a95ed37" providerId="ADAL" clId="{9DC2FC35-755B-4936-B8A0-68B06B33CA76}" dt="2022-02-16T16:38:08.186" v="4518" actId="20577"/>
      <pc:docMkLst>
        <pc:docMk/>
      </pc:docMkLst>
      <pc:sldChg chg="modSp mod">
        <pc:chgData name="Jose Palomino" userId="206526be-19f3-44dd-b92d-d9565a95ed37" providerId="ADAL" clId="{9DC2FC35-755B-4936-B8A0-68B06B33CA76}" dt="2022-02-16T14:12:32.468" v="3" actId="20577"/>
        <pc:sldMkLst>
          <pc:docMk/>
          <pc:sldMk cId="1929714402" sldId="256"/>
        </pc:sldMkLst>
        <pc:spChg chg="mod">
          <ac:chgData name="Jose Palomino" userId="206526be-19f3-44dd-b92d-d9565a95ed37" providerId="ADAL" clId="{9DC2FC35-755B-4936-B8A0-68B06B33CA76}" dt="2022-02-16T14:12:32.468" v="3" actId="20577"/>
          <ac:spMkLst>
            <pc:docMk/>
            <pc:sldMk cId="1929714402" sldId="256"/>
            <ac:spMk id="2" creationId="{9352A549-E604-43C6-ADA3-61F3EC69D54D}"/>
          </ac:spMkLst>
        </pc:spChg>
      </pc:sldChg>
      <pc:sldChg chg="delSp modSp mod">
        <pc:chgData name="Jose Palomino" userId="206526be-19f3-44dd-b92d-d9565a95ed37" providerId="ADAL" clId="{9DC2FC35-755B-4936-B8A0-68B06B33CA76}" dt="2022-02-16T16:38:08.186" v="4518" actId="20577"/>
        <pc:sldMkLst>
          <pc:docMk/>
          <pc:sldMk cId="3535275093" sldId="319"/>
        </pc:sldMkLst>
        <pc:spChg chg="mod">
          <ac:chgData name="Jose Palomino" userId="206526be-19f3-44dd-b92d-d9565a95ed37" providerId="ADAL" clId="{9DC2FC35-755B-4936-B8A0-68B06B33CA76}" dt="2022-02-16T16:38:08.186" v="4518" actId="20577"/>
          <ac:spMkLst>
            <pc:docMk/>
            <pc:sldMk cId="3535275093" sldId="319"/>
            <ac:spMk id="3" creationId="{16A94EE5-33CD-45DC-ADB8-167B960004DA}"/>
          </ac:spMkLst>
        </pc:spChg>
        <pc:spChg chg="mod">
          <ac:chgData name="Jose Palomino" userId="206526be-19f3-44dd-b92d-d9565a95ed37" providerId="ADAL" clId="{9DC2FC35-755B-4936-B8A0-68B06B33CA76}" dt="2022-02-16T16:37:56.293" v="4506" actId="1076"/>
          <ac:spMkLst>
            <pc:docMk/>
            <pc:sldMk cId="3535275093" sldId="319"/>
            <ac:spMk id="5" creationId="{6EF78644-B068-442D-B06A-7D5C2839B7DB}"/>
          </ac:spMkLst>
        </pc:spChg>
        <pc:spChg chg="mod">
          <ac:chgData name="Jose Palomino" userId="206526be-19f3-44dd-b92d-d9565a95ed37" providerId="ADAL" clId="{9DC2FC35-755B-4936-B8A0-68B06B33CA76}" dt="2022-02-16T16:37:56.293" v="4506" actId="1076"/>
          <ac:spMkLst>
            <pc:docMk/>
            <pc:sldMk cId="3535275093" sldId="319"/>
            <ac:spMk id="6" creationId="{42256E06-986F-4276-9144-59497AE12D82}"/>
          </ac:spMkLst>
        </pc:spChg>
        <pc:spChg chg="del">
          <ac:chgData name="Jose Palomino" userId="206526be-19f3-44dd-b92d-d9565a95ed37" providerId="ADAL" clId="{9DC2FC35-755B-4936-B8A0-68B06B33CA76}" dt="2022-02-16T16:37:04.553" v="4457" actId="478"/>
          <ac:spMkLst>
            <pc:docMk/>
            <pc:sldMk cId="3535275093" sldId="319"/>
            <ac:spMk id="9" creationId="{42256E06-986F-4276-9144-59497AE12D82}"/>
          </ac:spMkLst>
        </pc:spChg>
      </pc:sldChg>
      <pc:sldChg chg="del">
        <pc:chgData name="Jose Palomino" userId="206526be-19f3-44dd-b92d-d9565a95ed37" providerId="ADAL" clId="{9DC2FC35-755B-4936-B8A0-68B06B33CA76}" dt="2022-02-16T15:22:53.856" v="1495" actId="47"/>
        <pc:sldMkLst>
          <pc:docMk/>
          <pc:sldMk cId="3525927913" sldId="336"/>
        </pc:sldMkLst>
      </pc:sldChg>
      <pc:sldChg chg="modSp mod">
        <pc:chgData name="Jose Palomino" userId="206526be-19f3-44dd-b92d-d9565a95ed37" providerId="ADAL" clId="{9DC2FC35-755B-4936-B8A0-68B06B33CA76}" dt="2022-02-16T16:34:28.575" v="4287" actId="20577"/>
        <pc:sldMkLst>
          <pc:docMk/>
          <pc:sldMk cId="4223570417" sldId="355"/>
        </pc:sldMkLst>
        <pc:spChg chg="mod">
          <ac:chgData name="Jose Palomino" userId="206526be-19f3-44dd-b92d-d9565a95ed37" providerId="ADAL" clId="{9DC2FC35-755B-4936-B8A0-68B06B33CA76}" dt="2022-02-16T16:32:03.349" v="4100" actId="1076"/>
          <ac:spMkLst>
            <pc:docMk/>
            <pc:sldMk cId="4223570417" sldId="355"/>
            <ac:spMk id="8" creationId="{00000000-0000-0000-0000-000000000000}"/>
          </ac:spMkLst>
        </pc:spChg>
        <pc:spChg chg="mod">
          <ac:chgData name="Jose Palomino" userId="206526be-19f3-44dd-b92d-d9565a95ed37" providerId="ADAL" clId="{9DC2FC35-755B-4936-B8A0-68B06B33CA76}" dt="2022-02-16T16:32:14.275" v="4101" actId="1076"/>
          <ac:spMkLst>
            <pc:docMk/>
            <pc:sldMk cId="4223570417" sldId="355"/>
            <ac:spMk id="9" creationId="{00000000-0000-0000-0000-000000000000}"/>
          </ac:spMkLst>
        </pc:spChg>
        <pc:graphicFrameChg chg="mod modGraphic">
          <ac:chgData name="Jose Palomino" userId="206526be-19f3-44dd-b92d-d9565a95ed37" providerId="ADAL" clId="{9DC2FC35-755B-4936-B8A0-68B06B33CA76}" dt="2022-02-16T16:34:28.575" v="4287" actId="20577"/>
          <ac:graphicFrameMkLst>
            <pc:docMk/>
            <pc:sldMk cId="4223570417" sldId="355"/>
            <ac:graphicFrameMk id="3" creationId="{7859C871-B5E5-4142-8742-9A5F3C4A8887}"/>
          </ac:graphicFrameMkLst>
        </pc:graphicFrameChg>
      </pc:sldChg>
      <pc:sldChg chg="modSp">
        <pc:chgData name="Jose Palomino" userId="206526be-19f3-44dd-b92d-d9565a95ed37" providerId="ADAL" clId="{9DC2FC35-755B-4936-B8A0-68B06B33CA76}" dt="2022-02-16T16:36:34.574" v="4455" actId="20577"/>
        <pc:sldMkLst>
          <pc:docMk/>
          <pc:sldMk cId="3871344331" sldId="356"/>
        </pc:sldMkLst>
        <pc:spChg chg="mod">
          <ac:chgData name="Jose Palomino" userId="206526be-19f3-44dd-b92d-d9565a95ed37" providerId="ADAL" clId="{9DC2FC35-755B-4936-B8A0-68B06B33CA76}" dt="2022-02-16T16:36:34.574" v="4455" actId="20577"/>
          <ac:spMkLst>
            <pc:docMk/>
            <pc:sldMk cId="3871344331" sldId="356"/>
            <ac:spMk id="4" creationId="{E2617DC5-47E9-49A6-9662-D313D76B4537}"/>
          </ac:spMkLst>
        </pc:spChg>
      </pc:sldChg>
      <pc:sldChg chg="addSp delSp modSp mod delAnim modAnim">
        <pc:chgData name="Jose Palomino" userId="206526be-19f3-44dd-b92d-d9565a95ed37" providerId="ADAL" clId="{9DC2FC35-755B-4936-B8A0-68B06B33CA76}" dt="2022-02-16T16:28:52.846" v="3885" actId="20577"/>
        <pc:sldMkLst>
          <pc:docMk/>
          <pc:sldMk cId="948133311" sldId="361"/>
        </pc:sldMkLst>
        <pc:spChg chg="mod">
          <ac:chgData name="Jose Palomino" userId="206526be-19f3-44dd-b92d-d9565a95ed37" providerId="ADAL" clId="{9DC2FC35-755B-4936-B8A0-68B06B33CA76}" dt="2022-02-16T16:24:21.537" v="3765" actId="20577"/>
          <ac:spMkLst>
            <pc:docMk/>
            <pc:sldMk cId="948133311" sldId="361"/>
            <ac:spMk id="10" creationId="{E2617DC5-47E9-49A6-9662-D313D76B4537}"/>
          </ac:spMkLst>
        </pc:spChg>
        <pc:spChg chg="add mod">
          <ac:chgData name="Jose Palomino" userId="206526be-19f3-44dd-b92d-d9565a95ed37" providerId="ADAL" clId="{9DC2FC35-755B-4936-B8A0-68B06B33CA76}" dt="2022-02-16T16:28:52.846" v="3885" actId="20577"/>
          <ac:spMkLst>
            <pc:docMk/>
            <pc:sldMk cId="948133311" sldId="361"/>
            <ac:spMk id="15" creationId="{D7D5A33C-4B66-42C3-8B94-D41964CC456F}"/>
          </ac:spMkLst>
        </pc:spChg>
        <pc:spChg chg="mod">
          <ac:chgData name="Jose Palomino" userId="206526be-19f3-44dd-b92d-d9565a95ed37" providerId="ADAL" clId="{9DC2FC35-755B-4936-B8A0-68B06B33CA76}" dt="2022-02-16T16:21:19.415" v="3718" actId="20577"/>
          <ac:spMkLst>
            <pc:docMk/>
            <pc:sldMk cId="948133311" sldId="361"/>
            <ac:spMk id="17" creationId="{00000000-0000-0000-0000-000000000000}"/>
          </ac:spMkLst>
        </pc:spChg>
        <pc:spChg chg="mod">
          <ac:chgData name="Jose Palomino" userId="206526be-19f3-44dd-b92d-d9565a95ed37" providerId="ADAL" clId="{9DC2FC35-755B-4936-B8A0-68B06B33CA76}" dt="2022-02-16T16:22:40.248" v="3742" actId="20577"/>
          <ac:spMkLst>
            <pc:docMk/>
            <pc:sldMk cId="948133311" sldId="361"/>
            <ac:spMk id="81" creationId="{E2617DC5-47E9-49A6-9662-D313D76B4537}"/>
          </ac:spMkLst>
        </pc:spChg>
        <pc:spChg chg="del">
          <ac:chgData name="Jose Palomino" userId="206526be-19f3-44dd-b92d-d9565a95ed37" providerId="ADAL" clId="{9DC2FC35-755B-4936-B8A0-68B06B33CA76}" dt="2022-02-16T16:22:57.799" v="3743" actId="478"/>
          <ac:spMkLst>
            <pc:docMk/>
            <pc:sldMk cId="948133311" sldId="361"/>
            <ac:spMk id="83" creationId="{E2617DC5-47E9-49A6-9662-D313D76B4537}"/>
          </ac:spMkLst>
        </pc:spChg>
      </pc:sldChg>
      <pc:sldChg chg="del">
        <pc:chgData name="Jose Palomino" userId="206526be-19f3-44dd-b92d-d9565a95ed37" providerId="ADAL" clId="{9DC2FC35-755B-4936-B8A0-68B06B33CA76}" dt="2022-02-16T16:29:12.170" v="3886" actId="47"/>
        <pc:sldMkLst>
          <pc:docMk/>
          <pc:sldMk cId="2572149734" sldId="362"/>
        </pc:sldMkLst>
      </pc:sldChg>
      <pc:sldChg chg="addSp delSp modSp mod">
        <pc:chgData name="Jose Palomino" userId="206526be-19f3-44dd-b92d-d9565a95ed37" providerId="ADAL" clId="{9DC2FC35-755B-4936-B8A0-68B06B33CA76}" dt="2022-02-16T15:29:40.324" v="1577" actId="1076"/>
        <pc:sldMkLst>
          <pc:docMk/>
          <pc:sldMk cId="1783316609" sldId="363"/>
        </pc:sldMkLst>
        <pc:spChg chg="mod">
          <ac:chgData name="Jose Palomino" userId="206526be-19f3-44dd-b92d-d9565a95ed37" providerId="ADAL" clId="{9DC2FC35-755B-4936-B8A0-68B06B33CA76}" dt="2022-02-16T15:29:24.063" v="1574" actId="14100"/>
          <ac:spMkLst>
            <pc:docMk/>
            <pc:sldMk cId="1783316609" sldId="363"/>
            <ac:spMk id="3" creationId="{C85D59CE-FE47-4D19-99CD-1CDE6589AF80}"/>
          </ac:spMkLst>
        </pc:spChg>
        <pc:spChg chg="mod">
          <ac:chgData name="Jose Palomino" userId="206526be-19f3-44dd-b92d-d9565a95ed37" providerId="ADAL" clId="{9DC2FC35-755B-4936-B8A0-68B06B33CA76}" dt="2022-02-16T15:29:36.091" v="1576" actId="1076"/>
          <ac:spMkLst>
            <pc:docMk/>
            <pc:sldMk cId="1783316609" sldId="363"/>
            <ac:spMk id="5" creationId="{E2617DC5-47E9-49A6-9662-D313D76B4537}"/>
          </ac:spMkLst>
        </pc:spChg>
        <pc:spChg chg="mod">
          <ac:chgData name="Jose Palomino" userId="206526be-19f3-44dd-b92d-d9565a95ed37" providerId="ADAL" clId="{9DC2FC35-755B-4936-B8A0-68B06B33CA76}" dt="2022-02-16T15:29:30.211" v="1575" actId="14100"/>
          <ac:spMkLst>
            <pc:docMk/>
            <pc:sldMk cId="1783316609" sldId="363"/>
            <ac:spMk id="7" creationId="{EB574AF9-371C-4DBA-A5A7-0CB31160EDB6}"/>
          </ac:spMkLst>
        </pc:spChg>
        <pc:spChg chg="del">
          <ac:chgData name="Jose Palomino" userId="206526be-19f3-44dd-b92d-d9565a95ed37" providerId="ADAL" clId="{9DC2FC35-755B-4936-B8A0-68B06B33CA76}" dt="2022-02-16T15:24:58.924" v="1502" actId="478"/>
          <ac:spMkLst>
            <pc:docMk/>
            <pc:sldMk cId="1783316609" sldId="363"/>
            <ac:spMk id="8" creationId="{89A3C873-92C8-44AD-89AF-67606786F5F1}"/>
          </ac:spMkLst>
        </pc:spChg>
        <pc:spChg chg="add mod">
          <ac:chgData name="Jose Palomino" userId="206526be-19f3-44dd-b92d-d9565a95ed37" providerId="ADAL" clId="{9DC2FC35-755B-4936-B8A0-68B06B33CA76}" dt="2022-02-16T15:29:40.324" v="1577" actId="1076"/>
          <ac:spMkLst>
            <pc:docMk/>
            <pc:sldMk cId="1783316609" sldId="363"/>
            <ac:spMk id="9" creationId="{5054DCD1-16F7-4DAC-9AB4-B1119BEDC930}"/>
          </ac:spMkLst>
        </pc:spChg>
      </pc:sldChg>
      <pc:sldChg chg="modSp mod">
        <pc:chgData name="Jose Palomino" userId="206526be-19f3-44dd-b92d-d9565a95ed37" providerId="ADAL" clId="{9DC2FC35-755B-4936-B8A0-68B06B33CA76}" dt="2022-02-16T16:28:44.279" v="3881" actId="20577"/>
        <pc:sldMkLst>
          <pc:docMk/>
          <pc:sldMk cId="3112650349" sldId="364"/>
        </pc:sldMkLst>
        <pc:spChg chg="mod">
          <ac:chgData name="Jose Palomino" userId="206526be-19f3-44dd-b92d-d9565a95ed37" providerId="ADAL" clId="{9DC2FC35-755B-4936-B8A0-68B06B33CA76}" dt="2022-02-16T15:30:49.108" v="1580" actId="20577"/>
          <ac:spMkLst>
            <pc:docMk/>
            <pc:sldMk cId="3112650349" sldId="364"/>
            <ac:spMk id="10" creationId="{E2617DC5-47E9-49A6-9662-D313D76B4537}"/>
          </ac:spMkLst>
        </pc:spChg>
        <pc:spChg chg="mod">
          <ac:chgData name="Jose Palomino" userId="206526be-19f3-44dd-b92d-d9565a95ed37" providerId="ADAL" clId="{9DC2FC35-755B-4936-B8A0-68B06B33CA76}" dt="2022-02-16T16:18:13.046" v="3565" actId="14100"/>
          <ac:spMkLst>
            <pc:docMk/>
            <pc:sldMk cId="3112650349" sldId="364"/>
            <ac:spMk id="11" creationId="{C85D59CE-FE47-4D19-99CD-1CDE6589AF80}"/>
          </ac:spMkLst>
        </pc:spChg>
        <pc:spChg chg="mod">
          <ac:chgData name="Jose Palomino" userId="206526be-19f3-44dd-b92d-d9565a95ed37" providerId="ADAL" clId="{9DC2FC35-755B-4936-B8A0-68B06B33CA76}" dt="2022-02-16T16:20:44.228" v="3710" actId="14100"/>
          <ac:spMkLst>
            <pc:docMk/>
            <pc:sldMk cId="3112650349" sldId="364"/>
            <ac:spMk id="12" creationId="{C85D59CE-FE47-4D19-99CD-1CDE6589AF80}"/>
          </ac:spMkLst>
        </pc:spChg>
        <pc:spChg chg="mod">
          <ac:chgData name="Jose Palomino" userId="206526be-19f3-44dd-b92d-d9565a95ed37" providerId="ADAL" clId="{9DC2FC35-755B-4936-B8A0-68B06B33CA76}" dt="2022-02-16T16:28:44.279" v="3881" actId="20577"/>
          <ac:spMkLst>
            <pc:docMk/>
            <pc:sldMk cId="3112650349" sldId="364"/>
            <ac:spMk id="15" creationId="{F98B4ECE-ECE3-4649-9ACB-07BF485FF9CA}"/>
          </ac:spMkLst>
        </pc:spChg>
        <pc:spChg chg="mod">
          <ac:chgData name="Jose Palomino" userId="206526be-19f3-44dd-b92d-d9565a95ed37" providerId="ADAL" clId="{9DC2FC35-755B-4936-B8A0-68B06B33CA76}" dt="2022-02-16T16:18:16.656" v="3566" actId="14100"/>
          <ac:spMkLst>
            <pc:docMk/>
            <pc:sldMk cId="3112650349" sldId="364"/>
            <ac:spMk id="16" creationId="{8CD363F0-B07A-44A8-9184-5E2CFA7F0060}"/>
          </ac:spMkLst>
        </pc:spChg>
        <pc:spChg chg="mod">
          <ac:chgData name="Jose Palomino" userId="206526be-19f3-44dd-b92d-d9565a95ed37" providerId="ADAL" clId="{9DC2FC35-755B-4936-B8A0-68B06B33CA76}" dt="2022-02-16T15:23:10.031" v="1497" actId="20577"/>
          <ac:spMkLst>
            <pc:docMk/>
            <pc:sldMk cId="3112650349" sldId="364"/>
            <ac:spMk id="17" creationId="{00000000-0000-0000-0000-000000000000}"/>
          </ac:spMkLst>
        </pc:spChg>
        <pc:spChg chg="mod">
          <ac:chgData name="Jose Palomino" userId="206526be-19f3-44dd-b92d-d9565a95ed37" providerId="ADAL" clId="{9DC2FC35-755B-4936-B8A0-68B06B33CA76}" dt="2022-02-16T16:22:13.613" v="3721" actId="21"/>
          <ac:spMkLst>
            <pc:docMk/>
            <pc:sldMk cId="3112650349" sldId="364"/>
            <ac:spMk id="81" creationId="{E2617DC5-47E9-49A6-9662-D313D76B4537}"/>
          </ac:spMkLst>
        </pc:spChg>
        <pc:spChg chg="mod">
          <ac:chgData name="Jose Palomino" userId="206526be-19f3-44dd-b92d-d9565a95ed37" providerId="ADAL" clId="{9DC2FC35-755B-4936-B8A0-68B06B33CA76}" dt="2022-02-16T16:18:06.645" v="3564" actId="14100"/>
          <ac:spMkLst>
            <pc:docMk/>
            <pc:sldMk cId="3112650349" sldId="364"/>
            <ac:spMk id="82" creationId="{C85D59CE-FE47-4D19-99CD-1CDE6589AF80}"/>
          </ac:spMkLst>
        </pc:spChg>
        <pc:spChg chg="mod">
          <ac:chgData name="Jose Palomino" userId="206526be-19f3-44dd-b92d-d9565a95ed37" providerId="ADAL" clId="{9DC2FC35-755B-4936-B8A0-68B06B33CA76}" dt="2022-02-16T16:18:01.955" v="3563" actId="20577"/>
          <ac:spMkLst>
            <pc:docMk/>
            <pc:sldMk cId="3112650349" sldId="364"/>
            <ac:spMk id="83" creationId="{E2617DC5-47E9-49A6-9662-D313D76B4537}"/>
          </ac:spMkLst>
        </pc:spChg>
      </pc:sldChg>
      <pc:sldChg chg="addSp modSp mod">
        <pc:chgData name="Jose Palomino" userId="206526be-19f3-44dd-b92d-d9565a95ed37" providerId="ADAL" clId="{9DC2FC35-755B-4936-B8A0-68B06B33CA76}" dt="2022-02-16T14:25:55.195" v="675" actId="20577"/>
        <pc:sldMkLst>
          <pc:docMk/>
          <pc:sldMk cId="2417161188" sldId="365"/>
        </pc:sldMkLst>
        <pc:spChg chg="mod">
          <ac:chgData name="Jose Palomino" userId="206526be-19f3-44dd-b92d-d9565a95ed37" providerId="ADAL" clId="{9DC2FC35-755B-4936-B8A0-68B06B33CA76}" dt="2022-02-16T14:24:04.209" v="640" actId="1076"/>
          <ac:spMkLst>
            <pc:docMk/>
            <pc:sldMk cId="2417161188" sldId="365"/>
            <ac:spMk id="3" creationId="{C85D59CE-FE47-4D19-99CD-1CDE6589AF80}"/>
          </ac:spMkLst>
        </pc:spChg>
        <pc:spChg chg="mod">
          <ac:chgData name="Jose Palomino" userId="206526be-19f3-44dd-b92d-d9565a95ed37" providerId="ADAL" clId="{9DC2FC35-755B-4936-B8A0-68B06B33CA76}" dt="2022-02-16T14:24:25.035" v="642" actId="14100"/>
          <ac:spMkLst>
            <pc:docMk/>
            <pc:sldMk cId="2417161188" sldId="365"/>
            <ac:spMk id="5" creationId="{E2617DC5-47E9-49A6-9662-D313D76B4537}"/>
          </ac:spMkLst>
        </pc:spChg>
        <pc:spChg chg="add mod">
          <ac:chgData name="Jose Palomino" userId="206526be-19f3-44dd-b92d-d9565a95ed37" providerId="ADAL" clId="{9DC2FC35-755B-4936-B8A0-68B06B33CA76}" dt="2022-02-16T14:25:55.195" v="675" actId="20577"/>
          <ac:spMkLst>
            <pc:docMk/>
            <pc:sldMk cId="2417161188" sldId="365"/>
            <ac:spMk id="7" creationId="{129D28CD-D600-423C-9F2E-43CBCC643710}"/>
          </ac:spMkLst>
        </pc:spChg>
      </pc:sldChg>
      <pc:sldChg chg="addSp modSp mod">
        <pc:chgData name="Jose Palomino" userId="206526be-19f3-44dd-b92d-d9565a95ed37" providerId="ADAL" clId="{9DC2FC35-755B-4936-B8A0-68B06B33CA76}" dt="2022-02-16T14:35:18.135" v="971" actId="20577"/>
        <pc:sldMkLst>
          <pc:docMk/>
          <pc:sldMk cId="657840877" sldId="366"/>
        </pc:sldMkLst>
        <pc:spChg chg="mod">
          <ac:chgData name="Jose Palomino" userId="206526be-19f3-44dd-b92d-d9565a95ed37" providerId="ADAL" clId="{9DC2FC35-755B-4936-B8A0-68B06B33CA76}" dt="2022-02-16T14:33:51.344" v="960" actId="14100"/>
          <ac:spMkLst>
            <pc:docMk/>
            <pc:sldMk cId="657840877" sldId="366"/>
            <ac:spMk id="5" creationId="{E2617DC5-47E9-49A6-9662-D313D76B4537}"/>
          </ac:spMkLst>
        </pc:spChg>
        <pc:spChg chg="add mod">
          <ac:chgData name="Jose Palomino" userId="206526be-19f3-44dd-b92d-d9565a95ed37" providerId="ADAL" clId="{9DC2FC35-755B-4936-B8A0-68B06B33CA76}" dt="2022-02-16T14:35:18.135" v="971" actId="20577"/>
          <ac:spMkLst>
            <pc:docMk/>
            <pc:sldMk cId="657840877" sldId="366"/>
            <ac:spMk id="7" creationId="{FF6A019B-C9D7-4469-B665-A9452375BD72}"/>
          </ac:spMkLst>
        </pc:spChg>
      </pc:sldChg>
      <pc:sldChg chg="addSp modSp mod">
        <pc:chgData name="Jose Palomino" userId="206526be-19f3-44dd-b92d-d9565a95ed37" providerId="ADAL" clId="{9DC2FC35-755B-4936-B8A0-68B06B33CA76}" dt="2022-02-16T14:56:05.651" v="1303" actId="20577"/>
        <pc:sldMkLst>
          <pc:docMk/>
          <pc:sldMk cId="2806321844" sldId="367"/>
        </pc:sldMkLst>
        <pc:spChg chg="mod">
          <ac:chgData name="Jose Palomino" userId="206526be-19f3-44dd-b92d-d9565a95ed37" providerId="ADAL" clId="{9DC2FC35-755B-4936-B8A0-68B06B33CA76}" dt="2022-02-16T14:40:38.966" v="1236" actId="1076"/>
          <ac:spMkLst>
            <pc:docMk/>
            <pc:sldMk cId="2806321844" sldId="367"/>
            <ac:spMk id="3" creationId="{C85D59CE-FE47-4D19-99CD-1CDE6589AF80}"/>
          </ac:spMkLst>
        </pc:spChg>
        <pc:spChg chg="mod">
          <ac:chgData name="Jose Palomino" userId="206526be-19f3-44dd-b92d-d9565a95ed37" providerId="ADAL" clId="{9DC2FC35-755B-4936-B8A0-68B06B33CA76}" dt="2022-02-16T14:42:38.199" v="1256" actId="11"/>
          <ac:spMkLst>
            <pc:docMk/>
            <pc:sldMk cId="2806321844" sldId="367"/>
            <ac:spMk id="5" creationId="{E2617DC5-47E9-49A6-9662-D313D76B4537}"/>
          </ac:spMkLst>
        </pc:spChg>
        <pc:spChg chg="add mod">
          <ac:chgData name="Jose Palomino" userId="206526be-19f3-44dd-b92d-d9565a95ed37" providerId="ADAL" clId="{9DC2FC35-755B-4936-B8A0-68B06B33CA76}" dt="2022-02-16T14:56:05.651" v="1303" actId="20577"/>
          <ac:spMkLst>
            <pc:docMk/>
            <pc:sldMk cId="2806321844" sldId="367"/>
            <ac:spMk id="7" creationId="{23067C97-5862-41C3-95B1-03EFD70458EF}"/>
          </ac:spMkLst>
        </pc:spChg>
      </pc:sldChg>
      <pc:sldChg chg="addSp modSp mod">
        <pc:chgData name="Jose Palomino" userId="206526be-19f3-44dd-b92d-d9565a95ed37" providerId="ADAL" clId="{9DC2FC35-755B-4936-B8A0-68B06B33CA76}" dt="2022-02-16T15:03:18.414" v="1458" actId="14100"/>
        <pc:sldMkLst>
          <pc:docMk/>
          <pc:sldMk cId="1615980989" sldId="368"/>
        </pc:sldMkLst>
        <pc:spChg chg="mod">
          <ac:chgData name="Jose Palomino" userId="206526be-19f3-44dd-b92d-d9565a95ed37" providerId="ADAL" clId="{9DC2FC35-755B-4936-B8A0-68B06B33CA76}" dt="2022-02-16T15:00:18.460" v="1343" actId="1076"/>
          <ac:spMkLst>
            <pc:docMk/>
            <pc:sldMk cId="1615980989" sldId="368"/>
            <ac:spMk id="3" creationId="{C85D59CE-FE47-4D19-99CD-1CDE6589AF80}"/>
          </ac:spMkLst>
        </pc:spChg>
        <pc:spChg chg="mod">
          <ac:chgData name="Jose Palomino" userId="206526be-19f3-44dd-b92d-d9565a95ed37" providerId="ADAL" clId="{9DC2FC35-755B-4936-B8A0-68B06B33CA76}" dt="2022-02-16T15:03:18.414" v="1458" actId="14100"/>
          <ac:spMkLst>
            <pc:docMk/>
            <pc:sldMk cId="1615980989" sldId="368"/>
            <ac:spMk id="5" creationId="{E2617DC5-47E9-49A6-9662-D313D76B4537}"/>
          </ac:spMkLst>
        </pc:spChg>
        <pc:spChg chg="add mod">
          <ac:chgData name="Jose Palomino" userId="206526be-19f3-44dd-b92d-d9565a95ed37" providerId="ADAL" clId="{9DC2FC35-755B-4936-B8A0-68B06B33CA76}" dt="2022-02-16T15:03:15.951" v="1457" actId="14100"/>
          <ac:spMkLst>
            <pc:docMk/>
            <pc:sldMk cId="1615980989" sldId="368"/>
            <ac:spMk id="7" creationId="{74638583-882E-43C3-882D-0B47EF2174D1}"/>
          </ac:spMkLst>
        </pc:spChg>
      </pc:sldChg>
      <pc:sldChg chg="addSp modSp mod ord modAnim">
        <pc:chgData name="Jose Palomino" userId="206526be-19f3-44dd-b92d-d9565a95ed37" providerId="ADAL" clId="{9DC2FC35-755B-4936-B8A0-68B06B33CA76}" dt="2022-02-16T15:22:40.183" v="1494" actId="20577"/>
        <pc:sldMkLst>
          <pc:docMk/>
          <pc:sldMk cId="1453625414" sldId="369"/>
        </pc:sldMkLst>
        <pc:spChg chg="mod">
          <ac:chgData name="Jose Palomino" userId="206526be-19f3-44dd-b92d-d9565a95ed37" providerId="ADAL" clId="{9DC2FC35-755B-4936-B8A0-68B06B33CA76}" dt="2022-02-16T15:22:40.183" v="1494" actId="20577"/>
          <ac:spMkLst>
            <pc:docMk/>
            <pc:sldMk cId="1453625414" sldId="369"/>
            <ac:spMk id="130" creationId="{9FA51D0D-72BE-41E3-996F-50E8E4C448CC}"/>
          </ac:spMkLst>
        </pc:spChg>
        <pc:graphicFrameChg chg="add mod modGraphic">
          <ac:chgData name="Jose Palomino" userId="206526be-19f3-44dd-b92d-d9565a95ed37" providerId="ADAL" clId="{9DC2FC35-755B-4936-B8A0-68B06B33CA76}" dt="2022-02-16T15:21:55.419" v="1488" actId="20577"/>
          <ac:graphicFrameMkLst>
            <pc:docMk/>
            <pc:sldMk cId="1453625414" sldId="369"/>
            <ac:graphicFrameMk id="100" creationId="{6F24A363-B45E-466F-9E61-3B90494E8BCB}"/>
          </ac:graphicFrameMkLst>
        </pc:graphicFrameChg>
      </pc:sldChg>
      <pc:sldChg chg="add del">
        <pc:chgData name="Jose Palomino" userId="206526be-19f3-44dd-b92d-d9565a95ed37" providerId="ADAL" clId="{9DC2FC35-755B-4936-B8A0-68B06B33CA76}" dt="2022-02-16T15:26:11.375" v="1557" actId="47"/>
        <pc:sldMkLst>
          <pc:docMk/>
          <pc:sldMk cId="2071369119" sldId="370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2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>
            <a:extLst>
              <a:ext uri="{FF2B5EF4-FFF2-40B4-BE49-F238E27FC236}">
                <a16:creationId xmlns:a16="http://schemas.microsoft.com/office/drawing/2014/main" xmlns="" id="{52599CF1-D586-D04C-88EC-E52D53388CBC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ES_tradnl"/>
          </a:p>
        </p:txBody>
      </p:sp>
      <p:sp>
        <p:nvSpPr>
          <p:cNvPr id="3" name="Marcador de fecha 2">
            <a:extLst>
              <a:ext uri="{FF2B5EF4-FFF2-40B4-BE49-F238E27FC236}">
                <a16:creationId xmlns:a16="http://schemas.microsoft.com/office/drawing/2014/main" xmlns="" id="{8E76D8C1-48CE-A744-92CC-78402D1EFD2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49FC6DB-DD9C-8549-8C65-B745F6F513D3}" type="datetimeFigureOut">
              <a:rPr lang="es-ES_tradnl" smtClean="0"/>
              <a:t>13/04/2022</a:t>
            </a:fld>
            <a:endParaRPr lang="es-ES_tradnl"/>
          </a:p>
        </p:txBody>
      </p:sp>
      <p:sp>
        <p:nvSpPr>
          <p:cNvPr id="4" name="Marcador de pie de página 3">
            <a:extLst>
              <a:ext uri="{FF2B5EF4-FFF2-40B4-BE49-F238E27FC236}">
                <a16:creationId xmlns:a16="http://schemas.microsoft.com/office/drawing/2014/main" xmlns="" id="{20950DFF-7AFB-EC48-A0B2-0E6FE66CAD4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ES_tradnl"/>
          </a:p>
        </p:txBody>
      </p:sp>
      <p:sp>
        <p:nvSpPr>
          <p:cNvPr id="5" name="Marcador de número de diapositiva 4">
            <a:extLst>
              <a:ext uri="{FF2B5EF4-FFF2-40B4-BE49-F238E27FC236}">
                <a16:creationId xmlns:a16="http://schemas.microsoft.com/office/drawing/2014/main" xmlns="" id="{1CC8D0F3-82F8-3C46-BA54-529FDD7ED6B6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FC98F44-31C5-F142-9161-47C838B42FBF}" type="slidenum">
              <a:rPr lang="es-ES_tradnl" smtClean="0"/>
              <a:t>‹Nº›</a:t>
            </a:fld>
            <a:endParaRPr lang="es-ES_tradnl"/>
          </a:p>
        </p:txBody>
      </p:sp>
    </p:spTree>
    <p:extLst>
      <p:ext uri="{BB962C8B-B14F-4D97-AF65-F5344CB8AC3E}">
        <p14:creationId xmlns:p14="http://schemas.microsoft.com/office/powerpoint/2010/main" val="329783537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ES_tradnl"/>
          </a:p>
        </p:txBody>
      </p:sp>
      <p:sp>
        <p:nvSpPr>
          <p:cNvPr id="3" name="Marcador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612420-B741-7241-9AB5-421860E10AE5}" type="datetimeFigureOut">
              <a:rPr lang="es-ES_tradnl" smtClean="0"/>
              <a:t>13/04/2022</a:t>
            </a:fld>
            <a:endParaRPr lang="es-ES_tradnl"/>
          </a:p>
        </p:txBody>
      </p:sp>
      <p:sp>
        <p:nvSpPr>
          <p:cNvPr id="4" name="Marcador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s-ES_tradnl"/>
          </a:p>
        </p:txBody>
      </p:sp>
      <p:sp>
        <p:nvSpPr>
          <p:cNvPr id="5" name="Marcador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ES_tradnl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ES_tradnl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F7A3467-099E-304D-BEAD-AE448DA2A3E6}" type="slidenum">
              <a:rPr lang="es-ES_tradnl" smtClean="0"/>
              <a:t>‹Nº›</a:t>
            </a:fld>
            <a:endParaRPr lang="es-ES_tradnl"/>
          </a:p>
        </p:txBody>
      </p:sp>
    </p:spTree>
    <p:extLst>
      <p:ext uri="{BB962C8B-B14F-4D97-AF65-F5344CB8AC3E}">
        <p14:creationId xmlns:p14="http://schemas.microsoft.com/office/powerpoint/2010/main" val="182921066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PE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F7A3467-099E-304D-BEAD-AE448DA2A3E6}" type="slidenum">
              <a:rPr lang="es-ES_tradnl" smtClean="0"/>
              <a:t>2</a:t>
            </a:fld>
            <a:endParaRPr lang="es-ES_tradnl"/>
          </a:p>
        </p:txBody>
      </p:sp>
    </p:spTree>
    <p:extLst>
      <p:ext uri="{BB962C8B-B14F-4D97-AF65-F5344CB8AC3E}">
        <p14:creationId xmlns:p14="http://schemas.microsoft.com/office/powerpoint/2010/main" val="328232168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png"/><Relationship Id="rId7" Type="http://schemas.openxmlformats.org/officeDocument/2006/relationships/image" Target="../media/image15.png"/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10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4880296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115546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887706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7" name="Grupo 26">
            <a:extLst>
              <a:ext uri="{FF2B5EF4-FFF2-40B4-BE49-F238E27FC236}">
                <a16:creationId xmlns:a16="http://schemas.microsoft.com/office/drawing/2014/main" xmlns="" id="{426AA3DF-52E5-409E-8822-C2E1A8FD7A56}"/>
              </a:ext>
            </a:extLst>
          </p:cNvPr>
          <p:cNvGrpSpPr/>
          <p:nvPr userDrawn="1"/>
        </p:nvGrpSpPr>
        <p:grpSpPr>
          <a:xfrm>
            <a:off x="-135548" y="-92597"/>
            <a:ext cx="18455439" cy="10381185"/>
            <a:chOff x="-199342" y="-92597"/>
            <a:chExt cx="12468506" cy="7013535"/>
          </a:xfrm>
        </p:grpSpPr>
        <p:pic>
          <p:nvPicPr>
            <p:cNvPr id="28" name="Imagen 27">
              <a:extLst>
                <a:ext uri="{FF2B5EF4-FFF2-40B4-BE49-F238E27FC236}">
                  <a16:creationId xmlns:a16="http://schemas.microsoft.com/office/drawing/2014/main" xmlns="" id="{186366AF-7DBC-4648-BAFB-F648105BDE8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-199342" y="-92597"/>
              <a:ext cx="12468506" cy="7013535"/>
            </a:xfrm>
            <a:prstGeom prst="rect">
              <a:avLst/>
            </a:prstGeom>
          </p:spPr>
        </p:pic>
        <p:pic>
          <p:nvPicPr>
            <p:cNvPr id="29" name="Imagen 28">
              <a:extLst>
                <a:ext uri="{FF2B5EF4-FFF2-40B4-BE49-F238E27FC236}">
                  <a16:creationId xmlns:a16="http://schemas.microsoft.com/office/drawing/2014/main" xmlns="" id="{932BCEC1-6142-4220-B737-AAD20340C21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006354" y="1948662"/>
              <a:ext cx="5078071" cy="4286796"/>
            </a:xfrm>
            <a:prstGeom prst="rect">
              <a:avLst/>
            </a:prstGeom>
          </p:spPr>
        </p:pic>
        <p:pic>
          <p:nvPicPr>
            <p:cNvPr id="30" name="Imagen 29">
              <a:extLst>
                <a:ext uri="{FF2B5EF4-FFF2-40B4-BE49-F238E27FC236}">
                  <a16:creationId xmlns:a16="http://schemas.microsoft.com/office/drawing/2014/main" xmlns="" id="{5A934CB1-4D75-4F7E-B1CC-D26B7CF3807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332695" y="754287"/>
              <a:ext cx="3783315" cy="902041"/>
            </a:xfrm>
            <a:prstGeom prst="rect">
              <a:avLst/>
            </a:prstGeom>
          </p:spPr>
        </p:pic>
        <p:pic>
          <p:nvPicPr>
            <p:cNvPr id="31" name="Imagen 30">
              <a:extLst>
                <a:ext uri="{FF2B5EF4-FFF2-40B4-BE49-F238E27FC236}">
                  <a16:creationId xmlns:a16="http://schemas.microsoft.com/office/drawing/2014/main" xmlns="" id="{1E94687A-A053-42EC-8B0C-01197C4264C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301830" y="5680929"/>
              <a:ext cx="457116" cy="319981"/>
            </a:xfrm>
            <a:prstGeom prst="rect">
              <a:avLst/>
            </a:prstGeom>
          </p:spPr>
        </p:pic>
        <p:pic>
          <p:nvPicPr>
            <p:cNvPr id="32" name="Imagen 31">
              <a:extLst>
                <a:ext uri="{FF2B5EF4-FFF2-40B4-BE49-F238E27FC236}">
                  <a16:creationId xmlns:a16="http://schemas.microsoft.com/office/drawing/2014/main" xmlns="" id="{DC40BA1C-2DE5-4902-8AD8-5B2D5BE42D6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308180" y="4883032"/>
              <a:ext cx="447974" cy="438832"/>
            </a:xfrm>
            <a:prstGeom prst="rect">
              <a:avLst/>
            </a:prstGeom>
          </p:spPr>
        </p:pic>
        <p:pic>
          <p:nvPicPr>
            <p:cNvPr id="33" name="Imagen 32">
              <a:extLst>
                <a:ext uri="{FF2B5EF4-FFF2-40B4-BE49-F238E27FC236}">
                  <a16:creationId xmlns:a16="http://schemas.microsoft.com/office/drawing/2014/main" xmlns="" id="{92196EC1-E54E-4C7F-ADF5-882B6A5A5065}"/>
                </a:ext>
              </a:extLst>
            </p:cNvPr>
            <p:cNvPicPr>
              <a:picLocks noChangeAspect="1"/>
            </p:cNvPicPr>
            <p:nvPr/>
          </p:nvPicPr>
          <p:blipFill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327230" y="4282685"/>
              <a:ext cx="420547" cy="283412"/>
            </a:xfrm>
            <a:prstGeom prst="rect">
              <a:avLst/>
            </a:prstGeom>
          </p:spPr>
        </p:pic>
        <p:pic>
          <p:nvPicPr>
            <p:cNvPr id="34" name="Imagen 33">
              <a:extLst>
                <a:ext uri="{FF2B5EF4-FFF2-40B4-BE49-F238E27FC236}">
                  <a16:creationId xmlns:a16="http://schemas.microsoft.com/office/drawing/2014/main" xmlns="" id="{9098EC60-6D6D-4A25-A3CD-1F80E2F1C3A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352630" y="3613817"/>
              <a:ext cx="383978" cy="274270"/>
            </a:xfrm>
            <a:prstGeom prst="rect">
              <a:avLst/>
            </a:prstGeom>
          </p:spPr>
        </p:pic>
        <p:pic>
          <p:nvPicPr>
            <p:cNvPr id="35" name="Imagen 34">
              <a:extLst>
                <a:ext uri="{FF2B5EF4-FFF2-40B4-BE49-F238E27FC236}">
                  <a16:creationId xmlns:a16="http://schemas.microsoft.com/office/drawing/2014/main" xmlns="" id="{81C1E159-8DA9-4B60-898B-1BC874E07F95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314530" y="2880251"/>
              <a:ext cx="438832" cy="438832"/>
            </a:xfrm>
            <a:prstGeom prst="rect">
              <a:avLst/>
            </a:prstGeom>
          </p:spPr>
        </p:pic>
        <p:pic>
          <p:nvPicPr>
            <p:cNvPr id="36" name="Imagen 35">
              <a:extLst>
                <a:ext uri="{FF2B5EF4-FFF2-40B4-BE49-F238E27FC236}">
                  <a16:creationId xmlns:a16="http://schemas.microsoft.com/office/drawing/2014/main" xmlns="" id="{7CDBD5AF-0997-4FCD-A52C-50B26593BA91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327230" y="2246562"/>
              <a:ext cx="420547" cy="420547"/>
            </a:xfrm>
            <a:prstGeom prst="rect">
              <a:avLst/>
            </a:prstGeom>
          </p:spPr>
        </p:pic>
        <p:cxnSp>
          <p:nvCxnSpPr>
            <p:cNvPr id="37" name="Conector recto 36">
              <a:extLst>
                <a:ext uri="{FF2B5EF4-FFF2-40B4-BE49-F238E27FC236}">
                  <a16:creationId xmlns:a16="http://schemas.microsoft.com/office/drawing/2014/main" xmlns="" id="{C2C2DC13-AF04-45D9-A60F-950DF6F9F529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352630" y="2774387"/>
              <a:ext cx="3971724" cy="0"/>
            </a:xfrm>
            <a:prstGeom prst="line">
              <a:avLst/>
            </a:prstGeom>
            <a:ln w="3175">
              <a:solidFill>
                <a:srgbClr val="266194">
                  <a:alpha val="42000"/>
                </a:srgb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Conector recto 37">
              <a:extLst>
                <a:ext uri="{FF2B5EF4-FFF2-40B4-BE49-F238E27FC236}">
                  <a16:creationId xmlns:a16="http://schemas.microsoft.com/office/drawing/2014/main" xmlns="" id="{D7359EC1-3BF6-4DC6-9491-5B416024FD6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352630" y="3445719"/>
              <a:ext cx="3971724" cy="0"/>
            </a:xfrm>
            <a:prstGeom prst="line">
              <a:avLst/>
            </a:prstGeom>
            <a:ln w="3175">
              <a:solidFill>
                <a:srgbClr val="266194">
                  <a:alpha val="42000"/>
                </a:srgb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Conector recto 38">
              <a:extLst>
                <a:ext uri="{FF2B5EF4-FFF2-40B4-BE49-F238E27FC236}">
                  <a16:creationId xmlns:a16="http://schemas.microsoft.com/office/drawing/2014/main" xmlns="" id="{F16A7864-8C72-4215-95BB-FB47F2816C02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352630" y="4082326"/>
              <a:ext cx="3971724" cy="0"/>
            </a:xfrm>
            <a:prstGeom prst="line">
              <a:avLst/>
            </a:prstGeom>
            <a:ln w="3175">
              <a:solidFill>
                <a:srgbClr val="266194">
                  <a:alpha val="42000"/>
                </a:srgb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Conector recto 39">
              <a:extLst>
                <a:ext uri="{FF2B5EF4-FFF2-40B4-BE49-F238E27FC236}">
                  <a16:creationId xmlns:a16="http://schemas.microsoft.com/office/drawing/2014/main" xmlns="" id="{A12166BC-6117-4F5F-A505-5A53C7C308E7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352630" y="4753657"/>
              <a:ext cx="3971724" cy="0"/>
            </a:xfrm>
            <a:prstGeom prst="line">
              <a:avLst/>
            </a:prstGeom>
            <a:ln w="3175">
              <a:solidFill>
                <a:srgbClr val="266194">
                  <a:alpha val="42000"/>
                </a:srgb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Conector recto 40">
              <a:extLst>
                <a:ext uri="{FF2B5EF4-FFF2-40B4-BE49-F238E27FC236}">
                  <a16:creationId xmlns:a16="http://schemas.microsoft.com/office/drawing/2014/main" xmlns="" id="{9DC68419-C73E-4645-A25A-90EDB1570A2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352630" y="5494437"/>
              <a:ext cx="3971724" cy="0"/>
            </a:xfrm>
            <a:prstGeom prst="line">
              <a:avLst/>
            </a:prstGeom>
            <a:ln w="3175">
              <a:solidFill>
                <a:srgbClr val="266194">
                  <a:alpha val="42000"/>
                </a:srgb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CuadroTexto 41">
              <a:extLst>
                <a:ext uri="{FF2B5EF4-FFF2-40B4-BE49-F238E27FC236}">
                  <a16:creationId xmlns:a16="http://schemas.microsoft.com/office/drawing/2014/main" xmlns="" id="{0317F9BD-726F-443A-B0A9-87758BB626DF}"/>
                </a:ext>
              </a:extLst>
            </p:cNvPr>
            <p:cNvSpPr txBox="1"/>
            <p:nvPr/>
          </p:nvSpPr>
          <p:spPr>
            <a:xfrm>
              <a:off x="2095018" y="2246562"/>
              <a:ext cx="2708476" cy="31190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s-PE" sz="2400" b="1" dirty="0">
                  <a:latin typeface="Open Sans Semibold" panose="020B0606030504020204" pitchFamily="34" charset="0"/>
                  <a:ea typeface="Open Sans Semibold" panose="020B0606030504020204" pitchFamily="34" charset="0"/>
                  <a:cs typeface="Open Sans Semibold" panose="020B0606030504020204" pitchFamily="34" charset="0"/>
                </a:rPr>
                <a:t>(01) 625-9999</a:t>
              </a:r>
            </a:p>
          </p:txBody>
        </p:sp>
        <p:sp>
          <p:nvSpPr>
            <p:cNvPr id="43" name="CuadroTexto 42">
              <a:extLst>
                <a:ext uri="{FF2B5EF4-FFF2-40B4-BE49-F238E27FC236}">
                  <a16:creationId xmlns:a16="http://schemas.microsoft.com/office/drawing/2014/main" xmlns="" id="{8F9AD9A2-EDFA-4A90-9564-6A130B19A13E}"/>
                </a:ext>
              </a:extLst>
            </p:cNvPr>
            <p:cNvSpPr txBox="1"/>
            <p:nvPr/>
          </p:nvSpPr>
          <p:spPr>
            <a:xfrm>
              <a:off x="2095018" y="2929468"/>
              <a:ext cx="2708476" cy="31190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s-PE" sz="2400" b="1" dirty="0">
                  <a:latin typeface="Open Sans Semibold" panose="020B0606030504020204" pitchFamily="34" charset="0"/>
                  <a:ea typeface="Open Sans Semibold" panose="020B0606030504020204" pitchFamily="34" charset="0"/>
                  <a:cs typeface="Open Sans Semibold" panose="020B0606030504020204" pitchFamily="34" charset="0"/>
                </a:rPr>
                <a:t>www.seidor.com.pe</a:t>
              </a:r>
            </a:p>
          </p:txBody>
        </p:sp>
        <p:sp>
          <p:nvSpPr>
            <p:cNvPr id="44" name="CuadroTexto 43">
              <a:extLst>
                <a:ext uri="{FF2B5EF4-FFF2-40B4-BE49-F238E27FC236}">
                  <a16:creationId xmlns:a16="http://schemas.microsoft.com/office/drawing/2014/main" xmlns="" id="{8820FB3F-A01E-48CF-AE5A-0C3E9626EA9C}"/>
                </a:ext>
              </a:extLst>
            </p:cNvPr>
            <p:cNvSpPr txBox="1"/>
            <p:nvPr/>
          </p:nvSpPr>
          <p:spPr>
            <a:xfrm>
              <a:off x="2095018" y="3589225"/>
              <a:ext cx="2708476" cy="31190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s-PE" sz="2400" b="1" dirty="0">
                  <a:latin typeface="Open Sans Semibold" panose="020B0606030504020204" pitchFamily="34" charset="0"/>
                  <a:ea typeface="Open Sans Semibold" panose="020B0606030504020204" pitchFamily="34" charset="0"/>
                  <a:cs typeface="Open Sans Semibold" panose="020B0606030504020204" pitchFamily="34" charset="0"/>
                </a:rPr>
                <a:t>info.pe@seidor.com</a:t>
              </a:r>
            </a:p>
          </p:txBody>
        </p:sp>
        <p:sp>
          <p:nvSpPr>
            <p:cNvPr id="45" name="CuadroTexto 44">
              <a:extLst>
                <a:ext uri="{FF2B5EF4-FFF2-40B4-BE49-F238E27FC236}">
                  <a16:creationId xmlns:a16="http://schemas.microsoft.com/office/drawing/2014/main" xmlns="" id="{DA4AF3B1-B31D-4494-A346-3EF24A6D894F}"/>
                </a:ext>
              </a:extLst>
            </p:cNvPr>
            <p:cNvSpPr txBox="1"/>
            <p:nvPr/>
          </p:nvSpPr>
          <p:spPr>
            <a:xfrm>
              <a:off x="2095018" y="4237407"/>
              <a:ext cx="2708476" cy="31190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s-PE" sz="2400" b="1" dirty="0">
                  <a:latin typeface="Open Sans Semibold" panose="020B0606030504020204" pitchFamily="34" charset="0"/>
                  <a:ea typeface="Open Sans Semibold" panose="020B0606030504020204" pitchFamily="34" charset="0"/>
                  <a:cs typeface="Open Sans Semibold" panose="020B0606030504020204" pitchFamily="34" charset="0"/>
                </a:rPr>
                <a:t>/seidorperu</a:t>
              </a:r>
            </a:p>
          </p:txBody>
        </p:sp>
        <p:sp>
          <p:nvSpPr>
            <p:cNvPr id="46" name="CuadroTexto 45">
              <a:extLst>
                <a:ext uri="{FF2B5EF4-FFF2-40B4-BE49-F238E27FC236}">
                  <a16:creationId xmlns:a16="http://schemas.microsoft.com/office/drawing/2014/main" xmlns="" id="{3DEFBADF-F626-40F4-85E9-5792397564F1}"/>
                </a:ext>
              </a:extLst>
            </p:cNvPr>
            <p:cNvSpPr txBox="1"/>
            <p:nvPr/>
          </p:nvSpPr>
          <p:spPr>
            <a:xfrm>
              <a:off x="2095018" y="4931889"/>
              <a:ext cx="2708476" cy="31190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s-PE" sz="2400" b="1" dirty="0">
                  <a:latin typeface="Open Sans Semibold" panose="020B0606030504020204" pitchFamily="34" charset="0"/>
                  <a:ea typeface="Open Sans Semibold" panose="020B0606030504020204" pitchFamily="34" charset="0"/>
                  <a:cs typeface="Open Sans Semibold" panose="020B0606030504020204" pitchFamily="34" charset="0"/>
                </a:rPr>
                <a:t>@SeidorPeru</a:t>
              </a:r>
            </a:p>
          </p:txBody>
        </p:sp>
        <p:sp>
          <p:nvSpPr>
            <p:cNvPr id="47" name="CuadroTexto 46">
              <a:extLst>
                <a:ext uri="{FF2B5EF4-FFF2-40B4-BE49-F238E27FC236}">
                  <a16:creationId xmlns:a16="http://schemas.microsoft.com/office/drawing/2014/main" xmlns="" id="{F804DA34-9E0A-45E5-827E-8FF7C9BC90C4}"/>
                </a:ext>
              </a:extLst>
            </p:cNvPr>
            <p:cNvSpPr txBox="1"/>
            <p:nvPr/>
          </p:nvSpPr>
          <p:spPr>
            <a:xfrm>
              <a:off x="2095018" y="5661094"/>
              <a:ext cx="2708476" cy="31190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s-PE" sz="2400" b="1" dirty="0">
                  <a:latin typeface="Open Sans Semibold" panose="020B0606030504020204" pitchFamily="34" charset="0"/>
                  <a:ea typeface="Open Sans Semibold" panose="020B0606030504020204" pitchFamily="34" charset="0"/>
                  <a:cs typeface="Open Sans Semibold" panose="020B0606030504020204" pitchFamily="34" charset="0"/>
                </a:rPr>
                <a:t>Seidor Perú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22860027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xmlns="" id="{0187FF10-3905-3F4E-90B4-537C7CDACF0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286000" y="1683804"/>
            <a:ext cx="13716000" cy="3581953"/>
          </a:xfrm>
        </p:spPr>
        <p:txBody>
          <a:bodyPr anchor="b"/>
          <a:lstStyle>
            <a:lvl1pPr algn="ctr">
              <a:defRPr sz="9000"/>
            </a:lvl1pPr>
          </a:lstStyle>
          <a:p>
            <a:r>
              <a:rPr lang="es-MX"/>
              <a:t>Haz clic para modificar el estilo de título del patrón</a:t>
            </a:r>
            <a:endParaRPr lang="es-PE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xmlns="" id="{2E193F2D-8291-B645-9FC4-AA5CBFB142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2286000" y="5403891"/>
            <a:ext cx="13716000" cy="2484026"/>
          </a:xfrm>
        </p:spPr>
        <p:txBody>
          <a:bodyPr/>
          <a:lstStyle>
            <a:lvl1pPr marL="0" indent="0" algn="ctr">
              <a:buNone/>
              <a:defRPr sz="3600"/>
            </a:lvl1pPr>
            <a:lvl2pPr marL="685800" indent="0" algn="ctr">
              <a:buNone/>
              <a:defRPr sz="3000"/>
            </a:lvl2pPr>
            <a:lvl3pPr marL="1371600" indent="0" algn="ctr">
              <a:buNone/>
              <a:defRPr sz="2700"/>
            </a:lvl3pPr>
            <a:lvl4pPr marL="2057400" indent="0" algn="ctr">
              <a:buNone/>
              <a:defRPr sz="2400"/>
            </a:lvl4pPr>
            <a:lvl5pPr marL="2743200" indent="0" algn="ctr">
              <a:buNone/>
              <a:defRPr sz="2400"/>
            </a:lvl5pPr>
            <a:lvl6pPr marL="3429000" indent="0" algn="ctr">
              <a:buNone/>
              <a:defRPr sz="2400"/>
            </a:lvl6pPr>
            <a:lvl7pPr marL="4114800" indent="0" algn="ctr">
              <a:buNone/>
              <a:defRPr sz="2400"/>
            </a:lvl7pPr>
            <a:lvl8pPr marL="4800600" indent="0" algn="ctr">
              <a:buNone/>
              <a:defRPr sz="2400"/>
            </a:lvl8pPr>
            <a:lvl9pPr marL="5486400" indent="0" algn="ctr">
              <a:buNone/>
              <a:defRPr sz="2400"/>
            </a:lvl9pPr>
          </a:lstStyle>
          <a:p>
            <a:r>
              <a:rPr lang="es-MX"/>
              <a:t>Haz clic para editar el estilo de subtítulo del patrón</a:t>
            </a:r>
            <a:endParaRPr lang="es-PE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xmlns="" id="{D59F795A-CC65-2A45-BF78-FF2934567F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B74024-5A09-BF4B-9F89-74FD76DB4EDF}" type="datetimeFigureOut">
              <a:rPr lang="es-PE" smtClean="0"/>
              <a:t>13/04/2022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xmlns="" id="{D4D31220-C6F8-D54F-9860-6BF8567256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 dirty="0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xmlns="" id="{F3D94578-B145-8241-A670-C4BB54D6BD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075DC7-9769-224F-9EF0-83923F2DC449}" type="slidenum">
              <a:rPr lang="es-PE" smtClean="0"/>
              <a:t>‹Nº›</a:t>
            </a:fld>
            <a:endParaRPr lang="es-PE" dirty="0"/>
          </a:p>
        </p:txBody>
      </p:sp>
    </p:spTree>
    <p:extLst>
      <p:ext uri="{BB962C8B-B14F-4D97-AF65-F5344CB8AC3E}">
        <p14:creationId xmlns:p14="http://schemas.microsoft.com/office/powerpoint/2010/main" val="278843231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369289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6682113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8880167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354809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986934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1493310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4536459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_rels/slideMaster10.xml.rels><?xml version="1.0" encoding="UTF-8" standalone="yes"?>
<Relationships xmlns="http://schemas.openxmlformats.org/package/2006/relationships"><Relationship Id="rId2" Type="http://schemas.openxmlformats.org/officeDocument/2006/relationships/theme" Target="../theme/theme10.xml"/><Relationship Id="rId1" Type="http://schemas.openxmlformats.org/officeDocument/2006/relationships/slideLayout" Target="../slideLayouts/slideLayout12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theme" Target="../theme/theme2.xml"/><Relationship Id="rId2" Type="http://schemas.openxmlformats.org/officeDocument/2006/relationships/slideLayout" Target="../slideLayouts/slideLayout4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2.png"/><Relationship Id="rId4" Type="http://schemas.openxmlformats.org/officeDocument/2006/relationships/image" Target="../media/image1.png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5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theme" Target="../theme/theme4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4.png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theme" Target="../theme/theme5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.png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theme" Target="../theme/theme6.xml"/><Relationship Id="rId1" Type="http://schemas.openxmlformats.org/officeDocument/2006/relationships/slideLayout" Target="../slideLayouts/slideLayout8.xm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theme" Target="../theme/theme7.xml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4.png"/></Relationships>
</file>

<file path=ppt/slideMasters/_rels/slideMaster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theme" Target="../theme/theme8.xml"/><Relationship Id="rId1" Type="http://schemas.openxmlformats.org/officeDocument/2006/relationships/slideLayout" Target="../slideLayouts/slideLayout10.xml"/></Relationships>
</file>

<file path=ppt/slideMasters/_rels/slideMaster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theme" Target="../theme/theme9.xml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4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7 CuadroTexto">
            <a:extLst>
              <a:ext uri="{FF2B5EF4-FFF2-40B4-BE49-F238E27FC236}">
                <a16:creationId xmlns:a16="http://schemas.microsoft.com/office/drawing/2014/main" xmlns="" id="{44EB877C-2B9D-4BF9-A685-0EA1503D1357}"/>
              </a:ext>
            </a:extLst>
          </p:cNvPr>
          <p:cNvSpPr txBox="1"/>
          <p:nvPr userDrawn="1"/>
        </p:nvSpPr>
        <p:spPr>
          <a:xfrm>
            <a:off x="893648" y="9647944"/>
            <a:ext cx="1930337" cy="2308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Seidor</a:t>
            </a:r>
            <a:r>
              <a:rPr lang="es-PE" sz="900" b="0" baseline="0" dirty="0">
                <a:solidFill>
                  <a:srgbClr val="1A6CB6"/>
                </a:solidFill>
                <a:latin typeface="Arial" charset="0"/>
                <a:cs typeface="Arial" charset="0"/>
              </a:rPr>
              <a:t> Perú</a:t>
            </a: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 ® 2021, Confidencial</a:t>
            </a:r>
          </a:p>
        </p:txBody>
      </p:sp>
    </p:spTree>
    <p:extLst>
      <p:ext uri="{BB962C8B-B14F-4D97-AF65-F5344CB8AC3E}">
        <p14:creationId xmlns:p14="http://schemas.microsoft.com/office/powerpoint/2010/main" val="25941145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80" r:id="rId2"/>
  </p:sldLayoutIdLst>
  <p:txStyles>
    <p:titleStyle>
      <a:lvl1pPr algn="l" defTabSz="2057674" rtl="0" eaLnBrk="1" latinLnBrk="0" hangingPunct="1">
        <a:lnSpc>
          <a:spcPct val="90000"/>
        </a:lnSpc>
        <a:spcBef>
          <a:spcPct val="0"/>
        </a:spcBef>
        <a:buNone/>
        <a:defRPr sz="990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514419" indent="-514419" algn="l" defTabSz="2057674" rtl="0" eaLnBrk="1" latinLnBrk="0" hangingPunct="1">
        <a:lnSpc>
          <a:spcPct val="90000"/>
        </a:lnSpc>
        <a:spcBef>
          <a:spcPts val="2250"/>
        </a:spcBef>
        <a:buFont typeface="Arial" panose="020B0604020202020204" pitchFamily="34" charset="0"/>
        <a:buChar char="•"/>
        <a:defRPr sz="6301" kern="1200">
          <a:solidFill>
            <a:schemeClr val="tx1"/>
          </a:solidFill>
          <a:latin typeface="+mn-lt"/>
          <a:ea typeface="+mn-ea"/>
          <a:cs typeface="+mn-cs"/>
        </a:defRPr>
      </a:lvl1pPr>
      <a:lvl2pPr marL="1543256" indent="-514419" algn="l" defTabSz="2057674" rtl="0" eaLnBrk="1" latinLnBrk="0" hangingPunct="1">
        <a:lnSpc>
          <a:spcPct val="90000"/>
        </a:lnSpc>
        <a:spcBef>
          <a:spcPts val="1125"/>
        </a:spcBef>
        <a:buFont typeface="Arial" panose="020B0604020202020204" pitchFamily="34" charset="0"/>
        <a:buChar char="•"/>
        <a:defRPr sz="5401" kern="1200">
          <a:solidFill>
            <a:schemeClr val="tx1"/>
          </a:solidFill>
          <a:latin typeface="+mn-lt"/>
          <a:ea typeface="+mn-ea"/>
          <a:cs typeface="+mn-cs"/>
        </a:defRPr>
      </a:lvl2pPr>
      <a:lvl3pPr marL="2572093" indent="-514419" algn="l" defTabSz="2057674" rtl="0" eaLnBrk="1" latinLnBrk="0" hangingPunct="1">
        <a:lnSpc>
          <a:spcPct val="90000"/>
        </a:lnSpc>
        <a:spcBef>
          <a:spcPts val="1125"/>
        </a:spcBef>
        <a:buFont typeface="Arial" panose="020B0604020202020204" pitchFamily="34" charset="0"/>
        <a:buChar char="•"/>
        <a:defRPr sz="4501" kern="1200">
          <a:solidFill>
            <a:schemeClr val="tx1"/>
          </a:solidFill>
          <a:latin typeface="+mn-lt"/>
          <a:ea typeface="+mn-ea"/>
          <a:cs typeface="+mn-cs"/>
        </a:defRPr>
      </a:lvl3pPr>
      <a:lvl4pPr marL="3600930" indent="-514419" algn="l" defTabSz="2057674" rtl="0" eaLnBrk="1" latinLnBrk="0" hangingPunct="1">
        <a:lnSpc>
          <a:spcPct val="90000"/>
        </a:lnSpc>
        <a:spcBef>
          <a:spcPts val="1125"/>
        </a:spcBef>
        <a:buFont typeface="Arial" panose="020B0604020202020204" pitchFamily="34" charset="0"/>
        <a:buChar char="•"/>
        <a:defRPr sz="4051" kern="1200">
          <a:solidFill>
            <a:schemeClr val="tx1"/>
          </a:solidFill>
          <a:latin typeface="+mn-lt"/>
          <a:ea typeface="+mn-ea"/>
          <a:cs typeface="+mn-cs"/>
        </a:defRPr>
      </a:lvl4pPr>
      <a:lvl5pPr marL="4629767" indent="-514419" algn="l" defTabSz="2057674" rtl="0" eaLnBrk="1" latinLnBrk="0" hangingPunct="1">
        <a:lnSpc>
          <a:spcPct val="90000"/>
        </a:lnSpc>
        <a:spcBef>
          <a:spcPts val="1125"/>
        </a:spcBef>
        <a:buFont typeface="Arial" panose="020B0604020202020204" pitchFamily="34" charset="0"/>
        <a:buChar char="•"/>
        <a:defRPr sz="4051" kern="1200">
          <a:solidFill>
            <a:schemeClr val="tx1"/>
          </a:solidFill>
          <a:latin typeface="+mn-lt"/>
          <a:ea typeface="+mn-ea"/>
          <a:cs typeface="+mn-cs"/>
        </a:defRPr>
      </a:lvl5pPr>
      <a:lvl6pPr marL="5658604" indent="-514419" algn="l" defTabSz="2057674" rtl="0" eaLnBrk="1" latinLnBrk="0" hangingPunct="1">
        <a:lnSpc>
          <a:spcPct val="90000"/>
        </a:lnSpc>
        <a:spcBef>
          <a:spcPts val="1125"/>
        </a:spcBef>
        <a:buFont typeface="Arial" panose="020B0604020202020204" pitchFamily="34" charset="0"/>
        <a:buChar char="•"/>
        <a:defRPr sz="4051" kern="1200">
          <a:solidFill>
            <a:schemeClr val="tx1"/>
          </a:solidFill>
          <a:latin typeface="+mn-lt"/>
          <a:ea typeface="+mn-ea"/>
          <a:cs typeface="+mn-cs"/>
        </a:defRPr>
      </a:lvl6pPr>
      <a:lvl7pPr marL="6687442" indent="-514419" algn="l" defTabSz="2057674" rtl="0" eaLnBrk="1" latinLnBrk="0" hangingPunct="1">
        <a:lnSpc>
          <a:spcPct val="90000"/>
        </a:lnSpc>
        <a:spcBef>
          <a:spcPts val="1125"/>
        </a:spcBef>
        <a:buFont typeface="Arial" panose="020B0604020202020204" pitchFamily="34" charset="0"/>
        <a:buChar char="•"/>
        <a:defRPr sz="4051" kern="1200">
          <a:solidFill>
            <a:schemeClr val="tx1"/>
          </a:solidFill>
          <a:latin typeface="+mn-lt"/>
          <a:ea typeface="+mn-ea"/>
          <a:cs typeface="+mn-cs"/>
        </a:defRPr>
      </a:lvl7pPr>
      <a:lvl8pPr marL="7716279" indent="-514419" algn="l" defTabSz="2057674" rtl="0" eaLnBrk="1" latinLnBrk="0" hangingPunct="1">
        <a:lnSpc>
          <a:spcPct val="90000"/>
        </a:lnSpc>
        <a:spcBef>
          <a:spcPts val="1125"/>
        </a:spcBef>
        <a:buFont typeface="Arial" panose="020B0604020202020204" pitchFamily="34" charset="0"/>
        <a:buChar char="•"/>
        <a:defRPr sz="4051" kern="1200">
          <a:solidFill>
            <a:schemeClr val="tx1"/>
          </a:solidFill>
          <a:latin typeface="+mn-lt"/>
          <a:ea typeface="+mn-ea"/>
          <a:cs typeface="+mn-cs"/>
        </a:defRPr>
      </a:lvl8pPr>
      <a:lvl9pPr marL="8745116" indent="-514419" algn="l" defTabSz="2057674" rtl="0" eaLnBrk="1" latinLnBrk="0" hangingPunct="1">
        <a:lnSpc>
          <a:spcPct val="90000"/>
        </a:lnSpc>
        <a:spcBef>
          <a:spcPts val="1125"/>
        </a:spcBef>
        <a:buFont typeface="Arial" panose="020B0604020202020204" pitchFamily="34" charset="0"/>
        <a:buChar char="•"/>
        <a:defRPr sz="405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2057674" rtl="0" eaLnBrk="1" latinLnBrk="0" hangingPunct="1">
        <a:defRPr sz="4051" kern="1200">
          <a:solidFill>
            <a:schemeClr val="tx1"/>
          </a:solidFill>
          <a:latin typeface="+mn-lt"/>
          <a:ea typeface="+mn-ea"/>
          <a:cs typeface="+mn-cs"/>
        </a:defRPr>
      </a:lvl1pPr>
      <a:lvl2pPr marL="1028837" algn="l" defTabSz="2057674" rtl="0" eaLnBrk="1" latinLnBrk="0" hangingPunct="1">
        <a:defRPr sz="4051" kern="1200">
          <a:solidFill>
            <a:schemeClr val="tx1"/>
          </a:solidFill>
          <a:latin typeface="+mn-lt"/>
          <a:ea typeface="+mn-ea"/>
          <a:cs typeface="+mn-cs"/>
        </a:defRPr>
      </a:lvl2pPr>
      <a:lvl3pPr marL="2057674" algn="l" defTabSz="2057674" rtl="0" eaLnBrk="1" latinLnBrk="0" hangingPunct="1">
        <a:defRPr sz="4051" kern="1200">
          <a:solidFill>
            <a:schemeClr val="tx1"/>
          </a:solidFill>
          <a:latin typeface="+mn-lt"/>
          <a:ea typeface="+mn-ea"/>
          <a:cs typeface="+mn-cs"/>
        </a:defRPr>
      </a:lvl3pPr>
      <a:lvl4pPr marL="3086511" algn="l" defTabSz="2057674" rtl="0" eaLnBrk="1" latinLnBrk="0" hangingPunct="1">
        <a:defRPr sz="4051" kern="1200">
          <a:solidFill>
            <a:schemeClr val="tx1"/>
          </a:solidFill>
          <a:latin typeface="+mn-lt"/>
          <a:ea typeface="+mn-ea"/>
          <a:cs typeface="+mn-cs"/>
        </a:defRPr>
      </a:lvl4pPr>
      <a:lvl5pPr marL="4115349" algn="l" defTabSz="2057674" rtl="0" eaLnBrk="1" latinLnBrk="0" hangingPunct="1">
        <a:defRPr sz="4051" kern="1200">
          <a:solidFill>
            <a:schemeClr val="tx1"/>
          </a:solidFill>
          <a:latin typeface="+mn-lt"/>
          <a:ea typeface="+mn-ea"/>
          <a:cs typeface="+mn-cs"/>
        </a:defRPr>
      </a:lvl5pPr>
      <a:lvl6pPr marL="5144186" algn="l" defTabSz="2057674" rtl="0" eaLnBrk="1" latinLnBrk="0" hangingPunct="1">
        <a:defRPr sz="4051" kern="1200">
          <a:solidFill>
            <a:schemeClr val="tx1"/>
          </a:solidFill>
          <a:latin typeface="+mn-lt"/>
          <a:ea typeface="+mn-ea"/>
          <a:cs typeface="+mn-cs"/>
        </a:defRPr>
      </a:lvl6pPr>
      <a:lvl7pPr marL="6173023" algn="l" defTabSz="2057674" rtl="0" eaLnBrk="1" latinLnBrk="0" hangingPunct="1">
        <a:defRPr sz="4051" kern="1200">
          <a:solidFill>
            <a:schemeClr val="tx1"/>
          </a:solidFill>
          <a:latin typeface="+mn-lt"/>
          <a:ea typeface="+mn-ea"/>
          <a:cs typeface="+mn-cs"/>
        </a:defRPr>
      </a:lvl7pPr>
      <a:lvl8pPr marL="7201860" algn="l" defTabSz="2057674" rtl="0" eaLnBrk="1" latinLnBrk="0" hangingPunct="1">
        <a:defRPr sz="4051" kern="1200">
          <a:solidFill>
            <a:schemeClr val="tx1"/>
          </a:solidFill>
          <a:latin typeface="+mn-lt"/>
          <a:ea typeface="+mn-ea"/>
          <a:cs typeface="+mn-cs"/>
        </a:defRPr>
      </a:lvl8pPr>
      <a:lvl9pPr marL="8230697" algn="l" defTabSz="2057674" rtl="0" eaLnBrk="1" latinLnBrk="0" hangingPunct="1">
        <a:defRPr sz="4051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17 CuadroTexto">
            <a:extLst>
              <a:ext uri="{FF2B5EF4-FFF2-40B4-BE49-F238E27FC236}">
                <a16:creationId xmlns:a16="http://schemas.microsoft.com/office/drawing/2014/main" xmlns="" id="{52A4BD1C-E79A-4085-85D2-D8F89AF94B1F}"/>
              </a:ext>
            </a:extLst>
          </p:cNvPr>
          <p:cNvSpPr txBox="1"/>
          <p:nvPr userDrawn="1"/>
        </p:nvSpPr>
        <p:spPr>
          <a:xfrm>
            <a:off x="893648" y="9647944"/>
            <a:ext cx="1930337" cy="2308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Seidor</a:t>
            </a:r>
            <a:r>
              <a:rPr lang="es-PE" sz="900" b="0" baseline="0" dirty="0">
                <a:solidFill>
                  <a:srgbClr val="1A6CB6"/>
                </a:solidFill>
                <a:latin typeface="Arial" charset="0"/>
                <a:cs typeface="Arial" charset="0"/>
              </a:rPr>
              <a:t> Perú</a:t>
            </a: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 ® 2021, Confidencial</a:t>
            </a:r>
          </a:p>
        </p:txBody>
      </p:sp>
    </p:spTree>
    <p:extLst>
      <p:ext uri="{BB962C8B-B14F-4D97-AF65-F5344CB8AC3E}">
        <p14:creationId xmlns:p14="http://schemas.microsoft.com/office/powerpoint/2010/main" val="27747853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AutoShape 6">
            <a:extLst>
              <a:ext uri="{FF2B5EF4-FFF2-40B4-BE49-F238E27FC236}">
                <a16:creationId xmlns:a16="http://schemas.microsoft.com/office/drawing/2014/main" xmlns="" id="{4249324F-D8E9-E441-94E7-613836CB3140}"/>
              </a:ext>
            </a:extLst>
          </p:cNvPr>
          <p:cNvSpPr/>
          <p:nvPr userDrawn="1"/>
        </p:nvSpPr>
        <p:spPr>
          <a:xfrm>
            <a:off x="977034" y="1396111"/>
            <a:ext cx="3966140" cy="109392"/>
          </a:xfrm>
          <a:prstGeom prst="rect">
            <a:avLst/>
          </a:prstGeom>
          <a:solidFill>
            <a:srgbClr val="8AABCA"/>
          </a:solidFill>
        </p:spPr>
      </p:sp>
      <p:sp>
        <p:nvSpPr>
          <p:cNvPr id="17" name="AutoShape 35">
            <a:extLst>
              <a:ext uri="{FF2B5EF4-FFF2-40B4-BE49-F238E27FC236}">
                <a16:creationId xmlns:a16="http://schemas.microsoft.com/office/drawing/2014/main" xmlns="" id="{0414623A-B206-1E46-A775-87D862E7F381}"/>
              </a:ext>
            </a:extLst>
          </p:cNvPr>
          <p:cNvSpPr/>
          <p:nvPr userDrawn="1"/>
        </p:nvSpPr>
        <p:spPr>
          <a:xfrm>
            <a:off x="-95249" y="-55200"/>
            <a:ext cx="461992" cy="10427020"/>
          </a:xfrm>
          <a:prstGeom prst="rect">
            <a:avLst/>
          </a:prstGeom>
          <a:solidFill>
            <a:srgbClr val="8AABCA"/>
          </a:solidFill>
        </p:spPr>
      </p:sp>
      <p:pic>
        <p:nvPicPr>
          <p:cNvPr id="10" name="Imagen 9" descr="Imagen que contiene dibujo, luz&#10;&#10;Descripción generada automáticamente">
            <a:extLst>
              <a:ext uri="{FF2B5EF4-FFF2-40B4-BE49-F238E27FC236}">
                <a16:creationId xmlns:a16="http://schemas.microsoft.com/office/drawing/2014/main" xmlns="" id="{EA2AA59B-4630-8D45-A5B9-38C1FE1C0467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799100" y="367568"/>
            <a:ext cx="4066296" cy="1027948"/>
          </a:xfrm>
          <a:prstGeom prst="rect">
            <a:avLst/>
          </a:prstGeom>
        </p:spPr>
      </p:pic>
      <p:pic>
        <p:nvPicPr>
          <p:cNvPr id="14" name="Imagen 13">
            <a:extLst>
              <a:ext uri="{FF2B5EF4-FFF2-40B4-BE49-F238E27FC236}">
                <a16:creationId xmlns:a16="http://schemas.microsoft.com/office/drawing/2014/main" xmlns="" id="{848AB3D1-A8AA-4A48-99F4-8481641306FC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400667" y="705290"/>
            <a:ext cx="2863162" cy="690226"/>
          </a:xfrm>
          <a:prstGeom prst="rect">
            <a:avLst/>
          </a:prstGeom>
        </p:spPr>
      </p:pic>
      <p:sp>
        <p:nvSpPr>
          <p:cNvPr id="12" name="17 CuadroTexto">
            <a:extLst>
              <a:ext uri="{FF2B5EF4-FFF2-40B4-BE49-F238E27FC236}">
                <a16:creationId xmlns:a16="http://schemas.microsoft.com/office/drawing/2014/main" xmlns="" id="{C6C5EDC7-5BD9-4BFF-9BE1-5D26FCA6E40B}"/>
              </a:ext>
            </a:extLst>
          </p:cNvPr>
          <p:cNvSpPr txBox="1"/>
          <p:nvPr userDrawn="1"/>
        </p:nvSpPr>
        <p:spPr>
          <a:xfrm>
            <a:off x="893648" y="9647944"/>
            <a:ext cx="1930337" cy="2308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Seidor</a:t>
            </a:r>
            <a:r>
              <a:rPr lang="es-PE" sz="900" b="0" baseline="0" dirty="0">
                <a:solidFill>
                  <a:srgbClr val="1A6CB6"/>
                </a:solidFill>
                <a:latin typeface="Arial" charset="0"/>
                <a:cs typeface="Arial" charset="0"/>
              </a:rPr>
              <a:t> Perú</a:t>
            </a: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 ® 2021, Confidencial</a:t>
            </a:r>
          </a:p>
        </p:txBody>
      </p:sp>
    </p:spTree>
    <p:extLst>
      <p:ext uri="{BB962C8B-B14F-4D97-AF65-F5344CB8AC3E}">
        <p14:creationId xmlns:p14="http://schemas.microsoft.com/office/powerpoint/2010/main" val="588415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82" r:id="rId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AutoShape 6">
            <a:extLst>
              <a:ext uri="{FF2B5EF4-FFF2-40B4-BE49-F238E27FC236}">
                <a16:creationId xmlns:a16="http://schemas.microsoft.com/office/drawing/2014/main" xmlns="" id="{81D97674-59BB-9848-A641-5AB2F8417750}"/>
              </a:ext>
            </a:extLst>
          </p:cNvPr>
          <p:cNvSpPr/>
          <p:nvPr userDrawn="1"/>
        </p:nvSpPr>
        <p:spPr>
          <a:xfrm>
            <a:off x="1467293" y="2243355"/>
            <a:ext cx="3966140" cy="109392"/>
          </a:xfrm>
          <a:prstGeom prst="rect">
            <a:avLst/>
          </a:prstGeom>
          <a:solidFill>
            <a:srgbClr val="8AABCA"/>
          </a:solidFill>
        </p:spPr>
      </p:sp>
      <p:sp>
        <p:nvSpPr>
          <p:cNvPr id="11" name="AutoShape 35">
            <a:extLst>
              <a:ext uri="{FF2B5EF4-FFF2-40B4-BE49-F238E27FC236}">
                <a16:creationId xmlns:a16="http://schemas.microsoft.com/office/drawing/2014/main" xmlns="" id="{F33ABA97-37E2-7246-9048-CF1DEC2402DA}"/>
              </a:ext>
            </a:extLst>
          </p:cNvPr>
          <p:cNvSpPr/>
          <p:nvPr userDrawn="1"/>
        </p:nvSpPr>
        <p:spPr>
          <a:xfrm>
            <a:off x="-95249" y="-55200"/>
            <a:ext cx="461992" cy="10427020"/>
          </a:xfrm>
          <a:prstGeom prst="rect">
            <a:avLst/>
          </a:prstGeom>
          <a:solidFill>
            <a:srgbClr val="8AABCA"/>
          </a:solidFill>
        </p:spPr>
      </p:sp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5F443207-B3BE-4181-BFC1-5BE7BEB39615}"/>
              </a:ext>
            </a:extLst>
          </p:cNvPr>
          <p:cNvSpPr txBox="1"/>
          <p:nvPr userDrawn="1"/>
        </p:nvSpPr>
        <p:spPr>
          <a:xfrm>
            <a:off x="1467293" y="1333500"/>
            <a:ext cx="511584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ES" sz="4800" dirty="0">
                <a:solidFill>
                  <a:schemeClr val="accent5">
                    <a:lumMod val="50000"/>
                  </a:schemeClr>
                </a:solidFill>
                <a:latin typeface="Helvetica" panose="020B0604020202020204" pitchFamily="2" charset="0"/>
              </a:rPr>
              <a:t>Índice</a:t>
            </a:r>
            <a:endParaRPr lang="es-PE" sz="4800" dirty="0">
              <a:solidFill>
                <a:schemeClr val="accent5">
                  <a:lumMod val="50000"/>
                </a:schemeClr>
              </a:solidFill>
              <a:latin typeface="Helvetica" panose="020B0604020202020204" pitchFamily="2" charset="0"/>
            </a:endParaRPr>
          </a:p>
        </p:txBody>
      </p:sp>
      <p:sp>
        <p:nvSpPr>
          <p:cNvPr id="3" name="Rectángulo 2">
            <a:extLst>
              <a:ext uri="{FF2B5EF4-FFF2-40B4-BE49-F238E27FC236}">
                <a16:creationId xmlns:a16="http://schemas.microsoft.com/office/drawing/2014/main" xmlns="" id="{7D7DA036-4DC2-4E35-9906-F4CD1CCD90C2}"/>
              </a:ext>
            </a:extLst>
          </p:cNvPr>
          <p:cNvSpPr/>
          <p:nvPr userDrawn="1"/>
        </p:nvSpPr>
        <p:spPr>
          <a:xfrm>
            <a:off x="1105786" y="3593805"/>
            <a:ext cx="914400" cy="830997"/>
          </a:xfrm>
          <a:prstGeom prst="rect">
            <a:avLst/>
          </a:prstGeom>
          <a:solidFill>
            <a:srgbClr val="369FD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sz="3200" dirty="0">
                <a:latin typeface="Arial" panose="020B0604020202020204" pitchFamily="34" charset="0"/>
                <a:cs typeface="Arial" panose="020B0604020202020204" pitchFamily="34" charset="0"/>
              </a:rPr>
              <a:t>1</a:t>
            </a:r>
            <a:endParaRPr lang="es-PE" sz="3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" name="Rectángulo 8">
            <a:extLst>
              <a:ext uri="{FF2B5EF4-FFF2-40B4-BE49-F238E27FC236}">
                <a16:creationId xmlns:a16="http://schemas.microsoft.com/office/drawing/2014/main" xmlns="" id="{4CBB71F5-B959-4B62-8F97-23AF78BBC8E0}"/>
              </a:ext>
            </a:extLst>
          </p:cNvPr>
          <p:cNvSpPr/>
          <p:nvPr userDrawn="1"/>
        </p:nvSpPr>
        <p:spPr>
          <a:xfrm>
            <a:off x="1105786" y="4728795"/>
            <a:ext cx="914400" cy="830997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sz="3200" dirty="0">
                <a:latin typeface="Arial" panose="020B0604020202020204" pitchFamily="34" charset="0"/>
                <a:cs typeface="Arial" panose="020B0604020202020204" pitchFamily="34" charset="0"/>
              </a:rPr>
              <a:t>2</a:t>
            </a:r>
            <a:endParaRPr lang="es-PE" sz="3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ángulo 9">
            <a:extLst>
              <a:ext uri="{FF2B5EF4-FFF2-40B4-BE49-F238E27FC236}">
                <a16:creationId xmlns:a16="http://schemas.microsoft.com/office/drawing/2014/main" xmlns="" id="{C7D3FC56-1865-4A54-AF17-03025BD5B1C5}"/>
              </a:ext>
            </a:extLst>
          </p:cNvPr>
          <p:cNvSpPr/>
          <p:nvPr userDrawn="1"/>
        </p:nvSpPr>
        <p:spPr>
          <a:xfrm>
            <a:off x="1105786" y="5917776"/>
            <a:ext cx="914400" cy="830997"/>
          </a:xfrm>
          <a:prstGeom prst="rect">
            <a:avLst/>
          </a:prstGeom>
          <a:solidFill>
            <a:srgbClr val="369FD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sz="3200" dirty="0">
                <a:latin typeface="Arial" panose="020B0604020202020204" pitchFamily="34" charset="0"/>
                <a:cs typeface="Arial" panose="020B0604020202020204" pitchFamily="34" charset="0"/>
              </a:rPr>
              <a:t>3</a:t>
            </a:r>
            <a:endParaRPr lang="es-PE" sz="3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ángulo 11">
            <a:extLst>
              <a:ext uri="{FF2B5EF4-FFF2-40B4-BE49-F238E27FC236}">
                <a16:creationId xmlns:a16="http://schemas.microsoft.com/office/drawing/2014/main" xmlns="" id="{FAA3BA64-83E3-4BD1-A8F4-DBA735D08299}"/>
              </a:ext>
            </a:extLst>
          </p:cNvPr>
          <p:cNvSpPr/>
          <p:nvPr userDrawn="1"/>
        </p:nvSpPr>
        <p:spPr>
          <a:xfrm>
            <a:off x="1105786" y="7106757"/>
            <a:ext cx="914400" cy="830997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sz="3200" dirty="0">
                <a:latin typeface="Arial" panose="020B0604020202020204" pitchFamily="34" charset="0"/>
                <a:cs typeface="Arial" panose="020B0604020202020204" pitchFamily="34" charset="0"/>
              </a:rPr>
              <a:t>4</a:t>
            </a:r>
            <a:endParaRPr lang="es-PE" sz="3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" name="Rectángulo 12">
            <a:extLst>
              <a:ext uri="{FF2B5EF4-FFF2-40B4-BE49-F238E27FC236}">
                <a16:creationId xmlns:a16="http://schemas.microsoft.com/office/drawing/2014/main" xmlns="" id="{8BAE7617-805F-4BDA-80A4-2203C5A58216}"/>
              </a:ext>
            </a:extLst>
          </p:cNvPr>
          <p:cNvSpPr/>
          <p:nvPr userDrawn="1"/>
        </p:nvSpPr>
        <p:spPr>
          <a:xfrm>
            <a:off x="1105786" y="8295738"/>
            <a:ext cx="914400" cy="830997"/>
          </a:xfrm>
          <a:prstGeom prst="rect">
            <a:avLst/>
          </a:prstGeom>
          <a:solidFill>
            <a:srgbClr val="369FD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sz="3200" dirty="0">
                <a:latin typeface="Arial" panose="020B0604020202020204" pitchFamily="34" charset="0"/>
                <a:cs typeface="Arial" panose="020B0604020202020204" pitchFamily="34" charset="0"/>
              </a:rPr>
              <a:t>5</a:t>
            </a:r>
            <a:endParaRPr lang="es-PE" sz="3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4" name="Imagen 13">
            <a:extLst>
              <a:ext uri="{FF2B5EF4-FFF2-40B4-BE49-F238E27FC236}">
                <a16:creationId xmlns:a16="http://schemas.microsoft.com/office/drawing/2014/main" xmlns="" id="{58AA2961-B80F-4910-8630-D7B7761A7C3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400667" y="705290"/>
            <a:ext cx="2863162" cy="690226"/>
          </a:xfrm>
          <a:prstGeom prst="rect">
            <a:avLst/>
          </a:prstGeom>
        </p:spPr>
      </p:pic>
      <p:sp>
        <p:nvSpPr>
          <p:cNvPr id="18" name="17 CuadroTexto">
            <a:extLst>
              <a:ext uri="{FF2B5EF4-FFF2-40B4-BE49-F238E27FC236}">
                <a16:creationId xmlns:a16="http://schemas.microsoft.com/office/drawing/2014/main" xmlns="" id="{D5B618BF-5721-4EB9-838D-847756DF8097}"/>
              </a:ext>
            </a:extLst>
          </p:cNvPr>
          <p:cNvSpPr txBox="1"/>
          <p:nvPr userDrawn="1"/>
        </p:nvSpPr>
        <p:spPr>
          <a:xfrm>
            <a:off x="893648" y="9647944"/>
            <a:ext cx="1930337" cy="2308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Seidor</a:t>
            </a:r>
            <a:r>
              <a:rPr lang="es-PE" sz="900" b="0" baseline="0" dirty="0">
                <a:solidFill>
                  <a:srgbClr val="1A6CB6"/>
                </a:solidFill>
                <a:latin typeface="Arial" charset="0"/>
                <a:cs typeface="Arial" charset="0"/>
              </a:rPr>
              <a:t> Perú</a:t>
            </a: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 ® 2021, Confidencial</a:t>
            </a:r>
          </a:p>
        </p:txBody>
      </p:sp>
    </p:spTree>
    <p:extLst>
      <p:ext uri="{BB962C8B-B14F-4D97-AF65-F5344CB8AC3E}">
        <p14:creationId xmlns:p14="http://schemas.microsoft.com/office/powerpoint/2010/main" val="8407317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AutoShape 2">
            <a:extLst>
              <a:ext uri="{FF2B5EF4-FFF2-40B4-BE49-F238E27FC236}">
                <a16:creationId xmlns:a16="http://schemas.microsoft.com/office/drawing/2014/main" xmlns="" id="{3ED93793-7D90-7D41-B4A0-C64A0A267178}"/>
              </a:ext>
            </a:extLst>
          </p:cNvPr>
          <p:cNvSpPr/>
          <p:nvPr userDrawn="1"/>
        </p:nvSpPr>
        <p:spPr>
          <a:xfrm>
            <a:off x="-95249" y="-50980"/>
            <a:ext cx="9215059" cy="11322011"/>
          </a:xfrm>
          <a:prstGeom prst="rect">
            <a:avLst/>
          </a:prstGeom>
          <a:solidFill>
            <a:srgbClr val="273755">
              <a:alpha val="64000"/>
            </a:srgbClr>
          </a:solidFill>
        </p:spPr>
        <p:txBody>
          <a:bodyPr/>
          <a:lstStyle/>
          <a:p>
            <a:endParaRPr lang="es-ES"/>
          </a:p>
        </p:txBody>
      </p:sp>
      <p:pic>
        <p:nvPicPr>
          <p:cNvPr id="1026" name="Picture 2" descr="La política y los gremios arruinaron también el teletrabajo?: las 10  críticas a la nueva ley que votó el Congreso | CACINAB">
            <a:extLst>
              <a:ext uri="{FF2B5EF4-FFF2-40B4-BE49-F238E27FC236}">
                <a16:creationId xmlns:a16="http://schemas.microsoft.com/office/drawing/2014/main" xmlns="" id="{F22AB02C-DB76-4AFC-BDF8-85015D2A7465}"/>
              </a:ext>
            </a:extLst>
          </p:cNvPr>
          <p:cNvPicPr>
            <a:picLocks noChangeAspect="1" noChangeArrowheads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487" r="34689"/>
          <a:stretch/>
        </p:blipFill>
        <p:spPr bwMode="auto">
          <a:xfrm>
            <a:off x="366743" y="1559101"/>
            <a:ext cx="8753067" cy="93206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AutoShape 6">
            <a:extLst>
              <a:ext uri="{FF2B5EF4-FFF2-40B4-BE49-F238E27FC236}">
                <a16:creationId xmlns:a16="http://schemas.microsoft.com/office/drawing/2014/main" xmlns="" id="{22EA46A6-E740-8D48-B887-5CBF34EAB028}"/>
              </a:ext>
            </a:extLst>
          </p:cNvPr>
          <p:cNvSpPr/>
          <p:nvPr userDrawn="1"/>
        </p:nvSpPr>
        <p:spPr>
          <a:xfrm>
            <a:off x="9631331" y="1392352"/>
            <a:ext cx="3966140" cy="109392"/>
          </a:xfrm>
          <a:prstGeom prst="rect">
            <a:avLst/>
          </a:prstGeom>
          <a:solidFill>
            <a:srgbClr val="8AABCA"/>
          </a:solidFill>
        </p:spPr>
      </p:sp>
      <p:sp>
        <p:nvSpPr>
          <p:cNvPr id="7" name="AutoShape 35">
            <a:extLst>
              <a:ext uri="{FF2B5EF4-FFF2-40B4-BE49-F238E27FC236}">
                <a16:creationId xmlns:a16="http://schemas.microsoft.com/office/drawing/2014/main" xmlns="" id="{CECA4706-D17C-B843-89E6-2DD404C60A7E}"/>
              </a:ext>
            </a:extLst>
          </p:cNvPr>
          <p:cNvSpPr/>
          <p:nvPr userDrawn="1"/>
        </p:nvSpPr>
        <p:spPr>
          <a:xfrm>
            <a:off x="-95249" y="-55200"/>
            <a:ext cx="461992" cy="10427020"/>
          </a:xfrm>
          <a:prstGeom prst="rect">
            <a:avLst/>
          </a:prstGeom>
          <a:solidFill>
            <a:srgbClr val="8AABCA"/>
          </a:solidFill>
        </p:spPr>
      </p:sp>
      <p:sp>
        <p:nvSpPr>
          <p:cNvPr id="10" name="AutoShape 2">
            <a:extLst>
              <a:ext uri="{FF2B5EF4-FFF2-40B4-BE49-F238E27FC236}">
                <a16:creationId xmlns:a16="http://schemas.microsoft.com/office/drawing/2014/main" xmlns="" id="{DBA2EC77-CACB-45DD-9ACE-5AC9E807472B}"/>
              </a:ext>
            </a:extLst>
          </p:cNvPr>
          <p:cNvSpPr/>
          <p:nvPr userDrawn="1"/>
        </p:nvSpPr>
        <p:spPr>
          <a:xfrm>
            <a:off x="-71059" y="-80431"/>
            <a:ext cx="9215059" cy="11322011"/>
          </a:xfrm>
          <a:prstGeom prst="rect">
            <a:avLst/>
          </a:prstGeom>
          <a:solidFill>
            <a:srgbClr val="273755">
              <a:alpha val="64000"/>
            </a:srgbClr>
          </a:solidFill>
        </p:spPr>
        <p:txBody>
          <a:bodyPr/>
          <a:lstStyle/>
          <a:p>
            <a:endParaRPr lang="es-ES"/>
          </a:p>
        </p:txBody>
      </p:sp>
      <p:pic>
        <p:nvPicPr>
          <p:cNvPr id="29" name="Imagen 28" descr="Imagen que contiene dibujo, luz&#10;&#10;Descripción generada automáticamente">
            <a:extLst>
              <a:ext uri="{FF2B5EF4-FFF2-40B4-BE49-F238E27FC236}">
                <a16:creationId xmlns:a16="http://schemas.microsoft.com/office/drawing/2014/main" xmlns="" id="{1F9D104B-A283-DF4A-9F7E-AAC191B8978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0733" y="169353"/>
            <a:ext cx="4064638" cy="1027948"/>
          </a:xfrm>
          <a:prstGeom prst="rect">
            <a:avLst/>
          </a:prstGeom>
        </p:spPr>
      </p:pic>
      <p:sp>
        <p:nvSpPr>
          <p:cNvPr id="9" name="17 CuadroTexto">
            <a:extLst>
              <a:ext uri="{FF2B5EF4-FFF2-40B4-BE49-F238E27FC236}">
                <a16:creationId xmlns:a16="http://schemas.microsoft.com/office/drawing/2014/main" xmlns="" id="{246EC8D0-F727-412B-AF79-57B9917A0F94}"/>
              </a:ext>
            </a:extLst>
          </p:cNvPr>
          <p:cNvSpPr txBox="1"/>
          <p:nvPr userDrawn="1"/>
        </p:nvSpPr>
        <p:spPr>
          <a:xfrm>
            <a:off x="893648" y="9647944"/>
            <a:ext cx="1930337" cy="2308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es-PE" sz="900" b="0" dirty="0">
                <a:solidFill>
                  <a:srgbClr val="F9FCFF"/>
                </a:solidFill>
                <a:latin typeface="Arial" charset="0"/>
                <a:cs typeface="Arial" charset="0"/>
              </a:rPr>
              <a:t>Seidor</a:t>
            </a:r>
            <a:r>
              <a:rPr lang="es-PE" sz="900" b="0" baseline="0" dirty="0">
                <a:solidFill>
                  <a:srgbClr val="F9FCFF"/>
                </a:solidFill>
                <a:latin typeface="Arial" charset="0"/>
                <a:cs typeface="Arial" charset="0"/>
              </a:rPr>
              <a:t> Perú</a:t>
            </a:r>
            <a:r>
              <a:rPr lang="es-PE" sz="900" b="0" dirty="0">
                <a:solidFill>
                  <a:srgbClr val="F9FCFF"/>
                </a:solidFill>
                <a:latin typeface="Arial" charset="0"/>
                <a:cs typeface="Arial" charset="0"/>
              </a:rPr>
              <a:t> ® 2021, Confidencial</a:t>
            </a:r>
          </a:p>
        </p:txBody>
      </p:sp>
    </p:spTree>
    <p:extLst>
      <p:ext uri="{BB962C8B-B14F-4D97-AF65-F5344CB8AC3E}">
        <p14:creationId xmlns:p14="http://schemas.microsoft.com/office/powerpoint/2010/main" val="30635561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7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AutoShape 6">
            <a:extLst>
              <a:ext uri="{FF2B5EF4-FFF2-40B4-BE49-F238E27FC236}">
                <a16:creationId xmlns:a16="http://schemas.microsoft.com/office/drawing/2014/main" xmlns="" id="{22EA46A6-E740-8D48-B887-5CBF34EAB028}"/>
              </a:ext>
            </a:extLst>
          </p:cNvPr>
          <p:cNvSpPr/>
          <p:nvPr userDrawn="1"/>
        </p:nvSpPr>
        <p:spPr>
          <a:xfrm>
            <a:off x="9631331" y="1392352"/>
            <a:ext cx="3966140" cy="109392"/>
          </a:xfrm>
          <a:prstGeom prst="rect">
            <a:avLst/>
          </a:prstGeom>
          <a:solidFill>
            <a:srgbClr val="8AABCA"/>
          </a:solidFill>
        </p:spPr>
      </p:sp>
      <p:sp>
        <p:nvSpPr>
          <p:cNvPr id="7" name="AutoShape 35">
            <a:extLst>
              <a:ext uri="{FF2B5EF4-FFF2-40B4-BE49-F238E27FC236}">
                <a16:creationId xmlns:a16="http://schemas.microsoft.com/office/drawing/2014/main" xmlns="" id="{CECA4706-D17C-B843-89E6-2DD404C60A7E}"/>
              </a:ext>
            </a:extLst>
          </p:cNvPr>
          <p:cNvSpPr/>
          <p:nvPr userDrawn="1"/>
        </p:nvSpPr>
        <p:spPr>
          <a:xfrm>
            <a:off x="-95249" y="-55200"/>
            <a:ext cx="461992" cy="10427020"/>
          </a:xfrm>
          <a:prstGeom prst="rect">
            <a:avLst/>
          </a:prstGeom>
          <a:solidFill>
            <a:srgbClr val="8AABCA"/>
          </a:solidFill>
        </p:spPr>
      </p:sp>
      <p:pic>
        <p:nvPicPr>
          <p:cNvPr id="2050" name="Picture 2" descr="Corporate Venturing: las Startups marcan el futuro de la innovación">
            <a:extLst>
              <a:ext uri="{FF2B5EF4-FFF2-40B4-BE49-F238E27FC236}">
                <a16:creationId xmlns:a16="http://schemas.microsoft.com/office/drawing/2014/main" xmlns="" id="{0522B5A5-8304-4410-AD04-D42CEE47FDD1}"/>
              </a:ext>
            </a:extLst>
          </p:cNvPr>
          <p:cNvPicPr>
            <a:picLocks noChangeAspect="1" noChangeArrowheads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168"/>
          <a:stretch/>
        </p:blipFill>
        <p:spPr bwMode="auto">
          <a:xfrm>
            <a:off x="366743" y="1501744"/>
            <a:ext cx="9215059" cy="90670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7" name="AutoShape 2">
            <a:extLst>
              <a:ext uri="{FF2B5EF4-FFF2-40B4-BE49-F238E27FC236}">
                <a16:creationId xmlns:a16="http://schemas.microsoft.com/office/drawing/2014/main" xmlns="" id="{3ED93793-7D90-7D41-B4A0-C64A0A267178}"/>
              </a:ext>
            </a:extLst>
          </p:cNvPr>
          <p:cNvSpPr/>
          <p:nvPr userDrawn="1"/>
        </p:nvSpPr>
        <p:spPr>
          <a:xfrm>
            <a:off x="366742" y="-55200"/>
            <a:ext cx="9215059" cy="11322011"/>
          </a:xfrm>
          <a:prstGeom prst="rect">
            <a:avLst/>
          </a:prstGeom>
          <a:solidFill>
            <a:srgbClr val="273755">
              <a:alpha val="64000"/>
            </a:srgbClr>
          </a:solidFill>
        </p:spPr>
        <p:txBody>
          <a:bodyPr/>
          <a:lstStyle/>
          <a:p>
            <a:endParaRPr lang="es-ES"/>
          </a:p>
        </p:txBody>
      </p:sp>
      <p:pic>
        <p:nvPicPr>
          <p:cNvPr id="29" name="Imagen 28" descr="Imagen que contiene dibujo, luz&#10;&#10;Descripción generada automáticamente">
            <a:extLst>
              <a:ext uri="{FF2B5EF4-FFF2-40B4-BE49-F238E27FC236}">
                <a16:creationId xmlns:a16="http://schemas.microsoft.com/office/drawing/2014/main" xmlns="" id="{1F9D104B-A283-DF4A-9F7E-AAC191B8978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9634" y="0"/>
            <a:ext cx="4064638" cy="1027948"/>
          </a:xfrm>
          <a:prstGeom prst="rect">
            <a:avLst/>
          </a:prstGeom>
        </p:spPr>
      </p:pic>
      <p:sp>
        <p:nvSpPr>
          <p:cNvPr id="9" name="17 CuadroTexto">
            <a:extLst>
              <a:ext uri="{FF2B5EF4-FFF2-40B4-BE49-F238E27FC236}">
                <a16:creationId xmlns:a16="http://schemas.microsoft.com/office/drawing/2014/main" xmlns="" id="{5881930D-D6F6-44A9-A95C-A5F84C2E2A8D}"/>
              </a:ext>
            </a:extLst>
          </p:cNvPr>
          <p:cNvSpPr txBox="1"/>
          <p:nvPr userDrawn="1"/>
        </p:nvSpPr>
        <p:spPr>
          <a:xfrm>
            <a:off x="893648" y="9647944"/>
            <a:ext cx="1930337" cy="2308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es-PE" sz="900" b="0" dirty="0">
                <a:solidFill>
                  <a:srgbClr val="F9FCFF"/>
                </a:solidFill>
                <a:latin typeface="Arial" charset="0"/>
                <a:cs typeface="Arial" charset="0"/>
              </a:rPr>
              <a:t>Seidor</a:t>
            </a:r>
            <a:r>
              <a:rPr lang="es-PE" sz="900" b="0" baseline="0" dirty="0">
                <a:solidFill>
                  <a:srgbClr val="F9FCFF"/>
                </a:solidFill>
                <a:latin typeface="Arial" charset="0"/>
                <a:cs typeface="Arial" charset="0"/>
              </a:rPr>
              <a:t> Perú</a:t>
            </a:r>
            <a:r>
              <a:rPr lang="es-PE" sz="900" b="0" dirty="0">
                <a:solidFill>
                  <a:srgbClr val="F9FCFF"/>
                </a:solidFill>
                <a:latin typeface="Arial" charset="0"/>
                <a:cs typeface="Arial" charset="0"/>
              </a:rPr>
              <a:t> ® 2021, Confidencial</a:t>
            </a:r>
          </a:p>
        </p:txBody>
      </p:sp>
    </p:spTree>
    <p:extLst>
      <p:ext uri="{BB962C8B-B14F-4D97-AF65-F5344CB8AC3E}">
        <p14:creationId xmlns:p14="http://schemas.microsoft.com/office/powerpoint/2010/main" val="5483093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AutoShape 6">
            <a:extLst>
              <a:ext uri="{FF2B5EF4-FFF2-40B4-BE49-F238E27FC236}">
                <a16:creationId xmlns:a16="http://schemas.microsoft.com/office/drawing/2014/main" xmlns="" id="{EA964D8C-CFA9-4345-A28A-5A9A713416E7}"/>
              </a:ext>
            </a:extLst>
          </p:cNvPr>
          <p:cNvSpPr/>
          <p:nvPr userDrawn="1"/>
        </p:nvSpPr>
        <p:spPr>
          <a:xfrm>
            <a:off x="745193" y="1447048"/>
            <a:ext cx="3966140" cy="109392"/>
          </a:xfrm>
          <a:prstGeom prst="rect">
            <a:avLst/>
          </a:prstGeom>
          <a:solidFill>
            <a:srgbClr val="8AABCA"/>
          </a:solidFill>
        </p:spPr>
      </p:sp>
      <p:pic>
        <p:nvPicPr>
          <p:cNvPr id="11" name="Imagen 10" descr="Imagen que contiene dibujo&#10;&#10;Descripción generada automáticamente">
            <a:extLst>
              <a:ext uri="{FF2B5EF4-FFF2-40B4-BE49-F238E27FC236}">
                <a16:creationId xmlns:a16="http://schemas.microsoft.com/office/drawing/2014/main" xmlns="" id="{8191B0A1-BBED-0B42-AF31-F9226966EE6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754877" y="412409"/>
            <a:ext cx="4092761" cy="1034639"/>
          </a:xfrm>
          <a:prstGeom prst="rect">
            <a:avLst/>
          </a:prstGeom>
        </p:spPr>
      </p:pic>
      <p:sp>
        <p:nvSpPr>
          <p:cNvPr id="4" name="AutoShape 35">
            <a:extLst>
              <a:ext uri="{FF2B5EF4-FFF2-40B4-BE49-F238E27FC236}">
                <a16:creationId xmlns:a16="http://schemas.microsoft.com/office/drawing/2014/main" xmlns="" id="{B62EE5A5-3786-A44F-A131-7C0533697D07}"/>
              </a:ext>
            </a:extLst>
          </p:cNvPr>
          <p:cNvSpPr/>
          <p:nvPr userDrawn="1"/>
        </p:nvSpPr>
        <p:spPr>
          <a:xfrm>
            <a:off x="-95249" y="-55200"/>
            <a:ext cx="461992" cy="10427020"/>
          </a:xfrm>
          <a:prstGeom prst="rect">
            <a:avLst/>
          </a:prstGeom>
          <a:solidFill>
            <a:srgbClr val="8AABCA"/>
          </a:solidFill>
        </p:spPr>
      </p:sp>
      <p:sp>
        <p:nvSpPr>
          <p:cNvPr id="9" name="17 CuadroTexto">
            <a:extLst>
              <a:ext uri="{FF2B5EF4-FFF2-40B4-BE49-F238E27FC236}">
                <a16:creationId xmlns:a16="http://schemas.microsoft.com/office/drawing/2014/main" xmlns="" id="{E3C1F80D-5CFE-45FD-9AD5-6BF8184CB9F0}"/>
              </a:ext>
            </a:extLst>
          </p:cNvPr>
          <p:cNvSpPr txBox="1"/>
          <p:nvPr userDrawn="1"/>
        </p:nvSpPr>
        <p:spPr>
          <a:xfrm>
            <a:off x="893648" y="9647944"/>
            <a:ext cx="1930337" cy="2308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Seidor</a:t>
            </a:r>
            <a:r>
              <a:rPr lang="es-PE" sz="900" b="0" baseline="0" dirty="0">
                <a:solidFill>
                  <a:srgbClr val="1A6CB6"/>
                </a:solidFill>
                <a:latin typeface="Arial" charset="0"/>
                <a:cs typeface="Arial" charset="0"/>
              </a:rPr>
              <a:t> Perú</a:t>
            </a: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 ® 2021, Confidencial</a:t>
            </a:r>
          </a:p>
        </p:txBody>
      </p:sp>
    </p:spTree>
    <p:extLst>
      <p:ext uri="{BB962C8B-B14F-4D97-AF65-F5344CB8AC3E}">
        <p14:creationId xmlns:p14="http://schemas.microsoft.com/office/powerpoint/2010/main" val="20603946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9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n 6" descr="Imagen que contiene puesta de sol, exterior, sol, vuelo&#10;&#10;Descripción generada automáticamente">
            <a:extLst>
              <a:ext uri="{FF2B5EF4-FFF2-40B4-BE49-F238E27FC236}">
                <a16:creationId xmlns:a16="http://schemas.microsoft.com/office/drawing/2014/main" xmlns="" id="{34B633DD-436D-2448-AE9C-2B0D99D863F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flipH="1">
            <a:off x="-2" y="0"/>
            <a:ext cx="18287999" cy="10349395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8" name="Rectángulo 7">
            <a:extLst>
              <a:ext uri="{FF2B5EF4-FFF2-40B4-BE49-F238E27FC236}">
                <a16:creationId xmlns:a16="http://schemas.microsoft.com/office/drawing/2014/main" xmlns="" id="{DC5EA9F0-E84F-0548-971E-91E1E5820082}"/>
              </a:ext>
            </a:extLst>
          </p:cNvPr>
          <p:cNvSpPr/>
          <p:nvPr userDrawn="1"/>
        </p:nvSpPr>
        <p:spPr>
          <a:xfrm>
            <a:off x="1" y="2851688"/>
            <a:ext cx="13826060" cy="749770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9" name="Rectángulo 8">
            <a:extLst>
              <a:ext uri="{FF2B5EF4-FFF2-40B4-BE49-F238E27FC236}">
                <a16:creationId xmlns:a16="http://schemas.microsoft.com/office/drawing/2014/main" xmlns="" id="{B6952570-FE81-A842-BAAF-B8C8078D11DE}"/>
              </a:ext>
            </a:extLst>
          </p:cNvPr>
          <p:cNvSpPr/>
          <p:nvPr userDrawn="1"/>
        </p:nvSpPr>
        <p:spPr>
          <a:xfrm>
            <a:off x="-154983" y="-135313"/>
            <a:ext cx="19686643" cy="2987000"/>
          </a:xfrm>
          <a:prstGeom prst="rect">
            <a:avLst/>
          </a:prstGeom>
          <a:solidFill>
            <a:srgbClr val="273755">
              <a:alpha val="77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44000" rIns="36000" rtlCol="0" anchor="ctr"/>
          <a:lstStyle/>
          <a:p>
            <a:endParaRPr lang="es-ES">
              <a:solidFill>
                <a:srgbClr val="F9FCFF"/>
              </a:solidFill>
              <a:latin typeface="Montserrat Light" pitchFamily="2" charset="77"/>
            </a:endParaRPr>
          </a:p>
        </p:txBody>
      </p:sp>
      <p:sp>
        <p:nvSpPr>
          <p:cNvPr id="27" name="Rectángulo 26">
            <a:extLst>
              <a:ext uri="{FF2B5EF4-FFF2-40B4-BE49-F238E27FC236}">
                <a16:creationId xmlns:a16="http://schemas.microsoft.com/office/drawing/2014/main" xmlns="" id="{7B79728D-D36E-F745-A4DF-AFBF9A809042}"/>
              </a:ext>
            </a:extLst>
          </p:cNvPr>
          <p:cNvSpPr/>
          <p:nvPr userDrawn="1"/>
        </p:nvSpPr>
        <p:spPr>
          <a:xfrm>
            <a:off x="13785738" y="2851688"/>
            <a:ext cx="4502262" cy="749770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pic>
        <p:nvPicPr>
          <p:cNvPr id="58" name="Imagen 57" descr="Imagen que contiene dibujo, luz&#10;&#10;Descripción generada automáticamente">
            <a:extLst>
              <a:ext uri="{FF2B5EF4-FFF2-40B4-BE49-F238E27FC236}">
                <a16:creationId xmlns:a16="http://schemas.microsoft.com/office/drawing/2014/main" xmlns="" id="{A54F7CBB-AC95-8047-B9D0-B897D0881BE9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894365" y="254210"/>
            <a:ext cx="4064638" cy="1027948"/>
          </a:xfrm>
          <a:prstGeom prst="rect">
            <a:avLst/>
          </a:prstGeom>
        </p:spPr>
      </p:pic>
      <p:sp>
        <p:nvSpPr>
          <p:cNvPr id="59" name="AutoShape 6">
            <a:extLst>
              <a:ext uri="{FF2B5EF4-FFF2-40B4-BE49-F238E27FC236}">
                <a16:creationId xmlns:a16="http://schemas.microsoft.com/office/drawing/2014/main" xmlns="" id="{AC1F4252-4817-3F41-8C7C-95D75EAA5993}"/>
              </a:ext>
            </a:extLst>
          </p:cNvPr>
          <p:cNvSpPr/>
          <p:nvPr userDrawn="1"/>
        </p:nvSpPr>
        <p:spPr>
          <a:xfrm>
            <a:off x="466223" y="1456896"/>
            <a:ext cx="3966140" cy="109392"/>
          </a:xfrm>
          <a:prstGeom prst="rect">
            <a:avLst/>
          </a:prstGeom>
          <a:solidFill>
            <a:srgbClr val="8AABCA"/>
          </a:solidFill>
        </p:spPr>
      </p:sp>
      <p:sp>
        <p:nvSpPr>
          <p:cNvPr id="11" name="17 CuadroTexto">
            <a:extLst>
              <a:ext uri="{FF2B5EF4-FFF2-40B4-BE49-F238E27FC236}">
                <a16:creationId xmlns:a16="http://schemas.microsoft.com/office/drawing/2014/main" xmlns="" id="{2B69B9C6-1B96-4B8C-925B-D4CF353F5648}"/>
              </a:ext>
            </a:extLst>
          </p:cNvPr>
          <p:cNvSpPr txBox="1"/>
          <p:nvPr userDrawn="1"/>
        </p:nvSpPr>
        <p:spPr>
          <a:xfrm>
            <a:off x="893648" y="9647944"/>
            <a:ext cx="1930337" cy="2308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Seidor</a:t>
            </a:r>
            <a:r>
              <a:rPr lang="es-PE" sz="900" b="0" baseline="0" dirty="0">
                <a:solidFill>
                  <a:srgbClr val="1A6CB6"/>
                </a:solidFill>
                <a:latin typeface="Arial" charset="0"/>
                <a:cs typeface="Arial" charset="0"/>
              </a:rPr>
              <a:t> Perú</a:t>
            </a: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 ® 2021, Confidencial</a:t>
            </a:r>
          </a:p>
        </p:txBody>
      </p:sp>
    </p:spTree>
    <p:extLst>
      <p:ext uri="{BB962C8B-B14F-4D97-AF65-F5344CB8AC3E}">
        <p14:creationId xmlns:p14="http://schemas.microsoft.com/office/powerpoint/2010/main" val="36436973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8" name="Picture 2" descr="Qué es transformación digital y cómo acceder a ella?">
            <a:extLst>
              <a:ext uri="{FF2B5EF4-FFF2-40B4-BE49-F238E27FC236}">
                <a16:creationId xmlns:a16="http://schemas.microsoft.com/office/drawing/2014/main" xmlns="" id="{2CB7FCBC-627D-493C-8C35-7559BCDB3218}"/>
              </a:ext>
            </a:extLst>
          </p:cNvPr>
          <p:cNvPicPr>
            <a:picLocks noChangeAspect="1" noChangeArrowheads="1"/>
          </p:cNvPicPr>
          <p:nvPr userDrawn="1"/>
        </p:nvPicPr>
        <p:blipFill rotWithShape="1">
          <a:blip r:embed="rId3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" t="10819" r="-191" b="-12672"/>
          <a:stretch/>
        </p:blipFill>
        <p:spPr bwMode="auto">
          <a:xfrm>
            <a:off x="0" y="1064759"/>
            <a:ext cx="18383250" cy="93618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ángulo 7">
            <a:extLst>
              <a:ext uri="{FF2B5EF4-FFF2-40B4-BE49-F238E27FC236}">
                <a16:creationId xmlns:a16="http://schemas.microsoft.com/office/drawing/2014/main" xmlns="" id="{CC9A54C6-684D-F645-82D0-AF95A606457C}"/>
              </a:ext>
            </a:extLst>
          </p:cNvPr>
          <p:cNvSpPr/>
          <p:nvPr userDrawn="1"/>
        </p:nvSpPr>
        <p:spPr>
          <a:xfrm>
            <a:off x="-52720" y="0"/>
            <a:ext cx="18383250" cy="10427020"/>
          </a:xfrm>
          <a:prstGeom prst="rect">
            <a:avLst/>
          </a:prstGeom>
          <a:solidFill>
            <a:srgbClr val="273655">
              <a:alpha val="87000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grpSp>
        <p:nvGrpSpPr>
          <p:cNvPr id="12" name="Group 2">
            <a:extLst>
              <a:ext uri="{FF2B5EF4-FFF2-40B4-BE49-F238E27FC236}">
                <a16:creationId xmlns:a16="http://schemas.microsoft.com/office/drawing/2014/main" xmlns="" id="{93390205-6C19-C244-AFB8-AD9B47852059}"/>
              </a:ext>
            </a:extLst>
          </p:cNvPr>
          <p:cNvGrpSpPr/>
          <p:nvPr userDrawn="1"/>
        </p:nvGrpSpPr>
        <p:grpSpPr>
          <a:xfrm>
            <a:off x="8286399" y="2311030"/>
            <a:ext cx="1715202" cy="5664940"/>
            <a:chOff x="6711616" y="0"/>
            <a:chExt cx="2286936" cy="7553254"/>
          </a:xfrm>
        </p:grpSpPr>
        <p:sp>
          <p:nvSpPr>
            <p:cNvPr id="16" name="AutoShape 6">
              <a:extLst>
                <a:ext uri="{FF2B5EF4-FFF2-40B4-BE49-F238E27FC236}">
                  <a16:creationId xmlns:a16="http://schemas.microsoft.com/office/drawing/2014/main" xmlns="" id="{BD519656-A691-C547-9F0F-A3886DA23800}"/>
                </a:ext>
              </a:extLst>
            </p:cNvPr>
            <p:cNvSpPr/>
            <p:nvPr/>
          </p:nvSpPr>
          <p:spPr>
            <a:xfrm>
              <a:off x="6711616" y="0"/>
              <a:ext cx="2286936" cy="89758"/>
            </a:xfrm>
            <a:prstGeom prst="rect">
              <a:avLst/>
            </a:prstGeom>
            <a:solidFill>
              <a:srgbClr val="8AABCA"/>
            </a:solidFill>
          </p:spPr>
        </p:sp>
        <p:sp>
          <p:nvSpPr>
            <p:cNvPr id="18" name="AutoShape 7">
              <a:extLst>
                <a:ext uri="{FF2B5EF4-FFF2-40B4-BE49-F238E27FC236}">
                  <a16:creationId xmlns:a16="http://schemas.microsoft.com/office/drawing/2014/main" xmlns="" id="{E4C3E94F-B043-7540-A9AE-2A0038379ABA}"/>
                </a:ext>
              </a:extLst>
            </p:cNvPr>
            <p:cNvSpPr/>
            <p:nvPr/>
          </p:nvSpPr>
          <p:spPr>
            <a:xfrm>
              <a:off x="6711616" y="7463496"/>
              <a:ext cx="2286936" cy="89758"/>
            </a:xfrm>
            <a:prstGeom prst="rect">
              <a:avLst/>
            </a:prstGeom>
            <a:solidFill>
              <a:srgbClr val="8AABCA"/>
            </a:solidFill>
          </p:spPr>
        </p:sp>
      </p:grpSp>
      <p:sp>
        <p:nvSpPr>
          <p:cNvPr id="7" name="17 CuadroTexto">
            <a:extLst>
              <a:ext uri="{FF2B5EF4-FFF2-40B4-BE49-F238E27FC236}">
                <a16:creationId xmlns:a16="http://schemas.microsoft.com/office/drawing/2014/main" xmlns="" id="{B6210698-DEC9-4F59-8A53-64864ABD43E5}"/>
              </a:ext>
            </a:extLst>
          </p:cNvPr>
          <p:cNvSpPr txBox="1"/>
          <p:nvPr userDrawn="1"/>
        </p:nvSpPr>
        <p:spPr>
          <a:xfrm>
            <a:off x="893648" y="9647944"/>
            <a:ext cx="1930337" cy="2308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es-PE" sz="900" b="0" dirty="0">
                <a:solidFill>
                  <a:srgbClr val="F9FCFF"/>
                </a:solidFill>
                <a:latin typeface="Arial" charset="0"/>
                <a:cs typeface="Arial" charset="0"/>
              </a:rPr>
              <a:t>Seidor</a:t>
            </a:r>
            <a:r>
              <a:rPr lang="es-PE" sz="900" b="0" baseline="0" dirty="0">
                <a:solidFill>
                  <a:srgbClr val="F9FCFF"/>
                </a:solidFill>
                <a:latin typeface="Arial" charset="0"/>
                <a:cs typeface="Arial" charset="0"/>
              </a:rPr>
              <a:t> Perú</a:t>
            </a:r>
            <a:r>
              <a:rPr lang="es-PE" sz="900" b="0" dirty="0">
                <a:solidFill>
                  <a:srgbClr val="F9FCFF"/>
                </a:solidFill>
                <a:latin typeface="Arial" charset="0"/>
                <a:cs typeface="Arial" charset="0"/>
              </a:rPr>
              <a:t> ® 2021, Confidencial</a:t>
            </a:r>
          </a:p>
        </p:txBody>
      </p:sp>
    </p:spTree>
    <p:extLst>
      <p:ext uri="{BB962C8B-B14F-4D97-AF65-F5344CB8AC3E}">
        <p14:creationId xmlns:p14="http://schemas.microsoft.com/office/powerpoint/2010/main" val="20036684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n 6" descr="Imagen que contiene puesta de sol, exterior, sol, vuelo&#10;&#10;Descripción generada automáticamente">
            <a:extLst>
              <a:ext uri="{FF2B5EF4-FFF2-40B4-BE49-F238E27FC236}">
                <a16:creationId xmlns:a16="http://schemas.microsoft.com/office/drawing/2014/main" xmlns="" id="{34B633DD-436D-2448-AE9C-2B0D99D863F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flipH="1">
            <a:off x="-1" y="0"/>
            <a:ext cx="18287999" cy="10349395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8" name="Rectángulo 7">
            <a:extLst>
              <a:ext uri="{FF2B5EF4-FFF2-40B4-BE49-F238E27FC236}">
                <a16:creationId xmlns:a16="http://schemas.microsoft.com/office/drawing/2014/main" xmlns="" id="{DC5EA9F0-E84F-0548-971E-91E1E5820082}"/>
              </a:ext>
            </a:extLst>
          </p:cNvPr>
          <p:cNvSpPr/>
          <p:nvPr userDrawn="1"/>
        </p:nvSpPr>
        <p:spPr>
          <a:xfrm>
            <a:off x="2" y="2851689"/>
            <a:ext cx="13826060" cy="749770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30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Rectángulo 8">
            <a:extLst>
              <a:ext uri="{FF2B5EF4-FFF2-40B4-BE49-F238E27FC236}">
                <a16:creationId xmlns:a16="http://schemas.microsoft.com/office/drawing/2014/main" xmlns="" id="{B6952570-FE81-A842-BAAF-B8C8078D11DE}"/>
              </a:ext>
            </a:extLst>
          </p:cNvPr>
          <p:cNvSpPr/>
          <p:nvPr userDrawn="1"/>
        </p:nvSpPr>
        <p:spPr>
          <a:xfrm>
            <a:off x="-154983" y="-135313"/>
            <a:ext cx="19686644" cy="2987000"/>
          </a:xfrm>
          <a:prstGeom prst="rect">
            <a:avLst/>
          </a:prstGeom>
          <a:solidFill>
            <a:srgbClr val="273755">
              <a:alpha val="77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43978" rIns="35994" rtlCol="0" anchor="ctr"/>
          <a:lstStyle/>
          <a:p>
            <a:pPr marL="0" marR="0" lvl="0" indent="0" algn="l" defTabSz="91430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800" b="0" i="0" u="none" strike="noStrike" kern="1200" cap="none" spc="0" normalizeH="0" baseline="0" noProof="0">
              <a:ln>
                <a:noFill/>
              </a:ln>
              <a:solidFill>
                <a:srgbClr val="F9FCFF"/>
              </a:solidFill>
              <a:effectLst/>
              <a:uLnTx/>
              <a:uFillTx/>
              <a:latin typeface="Montserrat Light" pitchFamily="2" charset="77"/>
              <a:ea typeface="+mn-ea"/>
              <a:cs typeface="+mn-cs"/>
            </a:endParaRPr>
          </a:p>
        </p:txBody>
      </p:sp>
      <p:sp>
        <p:nvSpPr>
          <p:cNvPr id="27" name="Rectángulo 26">
            <a:extLst>
              <a:ext uri="{FF2B5EF4-FFF2-40B4-BE49-F238E27FC236}">
                <a16:creationId xmlns:a16="http://schemas.microsoft.com/office/drawing/2014/main" xmlns="" id="{7B79728D-D36E-F745-A4DF-AFBF9A809042}"/>
              </a:ext>
            </a:extLst>
          </p:cNvPr>
          <p:cNvSpPr/>
          <p:nvPr userDrawn="1"/>
        </p:nvSpPr>
        <p:spPr>
          <a:xfrm>
            <a:off x="13785738" y="2851688"/>
            <a:ext cx="4502262" cy="749770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30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8" name="Imagen 57" descr="Imagen que contiene dibujo, luz&#10;&#10;Descripción generada automáticamente">
            <a:extLst>
              <a:ext uri="{FF2B5EF4-FFF2-40B4-BE49-F238E27FC236}">
                <a16:creationId xmlns:a16="http://schemas.microsoft.com/office/drawing/2014/main" xmlns="" id="{A54F7CBB-AC95-8047-B9D0-B897D0881BE9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894366" y="254211"/>
            <a:ext cx="4064639" cy="1027948"/>
          </a:xfrm>
          <a:prstGeom prst="rect">
            <a:avLst/>
          </a:prstGeom>
        </p:spPr>
      </p:pic>
      <p:sp>
        <p:nvSpPr>
          <p:cNvPr id="59" name="AutoShape 6">
            <a:extLst>
              <a:ext uri="{FF2B5EF4-FFF2-40B4-BE49-F238E27FC236}">
                <a16:creationId xmlns:a16="http://schemas.microsoft.com/office/drawing/2014/main" xmlns="" id="{AC1F4252-4817-3F41-8C7C-95D75EAA5993}"/>
              </a:ext>
            </a:extLst>
          </p:cNvPr>
          <p:cNvSpPr/>
          <p:nvPr userDrawn="1"/>
        </p:nvSpPr>
        <p:spPr>
          <a:xfrm>
            <a:off x="466225" y="1456897"/>
            <a:ext cx="3966140" cy="109392"/>
          </a:xfrm>
          <a:prstGeom prst="rect">
            <a:avLst/>
          </a:prstGeom>
          <a:solidFill>
            <a:srgbClr val="8AABCA"/>
          </a:solidFill>
        </p:spPr>
      </p:sp>
      <p:sp>
        <p:nvSpPr>
          <p:cNvPr id="11" name="17 CuadroTexto">
            <a:extLst>
              <a:ext uri="{FF2B5EF4-FFF2-40B4-BE49-F238E27FC236}">
                <a16:creationId xmlns:a16="http://schemas.microsoft.com/office/drawing/2014/main" xmlns="" id="{E416FF65-1D1A-482A-B071-1252B72A93B4}"/>
              </a:ext>
            </a:extLst>
          </p:cNvPr>
          <p:cNvSpPr txBox="1"/>
          <p:nvPr userDrawn="1"/>
        </p:nvSpPr>
        <p:spPr>
          <a:xfrm>
            <a:off x="893648" y="9647944"/>
            <a:ext cx="1930337" cy="2308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Seidor</a:t>
            </a:r>
            <a:r>
              <a:rPr lang="es-PE" sz="900" b="0" baseline="0" dirty="0">
                <a:solidFill>
                  <a:srgbClr val="1A6CB6"/>
                </a:solidFill>
                <a:latin typeface="Arial" charset="0"/>
                <a:cs typeface="Arial" charset="0"/>
              </a:rPr>
              <a:t> Perú</a:t>
            </a:r>
            <a:r>
              <a:rPr lang="es-PE" sz="900" b="0" dirty="0">
                <a:solidFill>
                  <a:srgbClr val="1A6CB6"/>
                </a:solidFill>
                <a:latin typeface="Arial" charset="0"/>
                <a:cs typeface="Arial" charset="0"/>
              </a:rPr>
              <a:t> ® 2021, Confidencial</a:t>
            </a:r>
          </a:p>
        </p:txBody>
      </p:sp>
    </p:spTree>
    <p:extLst>
      <p:ext uri="{BB962C8B-B14F-4D97-AF65-F5344CB8AC3E}">
        <p14:creationId xmlns:p14="http://schemas.microsoft.com/office/powerpoint/2010/main" val="9716746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7" r:id="rId1"/>
  </p:sldLayoutIdLst>
  <p:txStyles>
    <p:titleStyle>
      <a:lvl1pPr algn="l" defTabSz="914309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78" indent="-228578" algn="l" defTabSz="914309" rtl="0" eaLnBrk="1" latinLnBrk="0" hangingPunct="1">
        <a:lnSpc>
          <a:spcPct val="90000"/>
        </a:lnSpc>
        <a:spcBef>
          <a:spcPts val="1001"/>
        </a:spcBef>
        <a:buFont typeface="Arial" panose="020B0604020202020204" pitchFamily="34" charset="0"/>
        <a:buChar char="•"/>
        <a:defRPr sz="2799" kern="1200">
          <a:solidFill>
            <a:schemeClr val="tx1"/>
          </a:solidFill>
          <a:latin typeface="+mn-lt"/>
          <a:ea typeface="+mn-ea"/>
          <a:cs typeface="+mn-cs"/>
        </a:defRPr>
      </a:lvl1pPr>
      <a:lvl2pPr marL="685731" indent="-228578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886" indent="-228578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040" indent="-228578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195" indent="-228578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348" indent="-228578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03" indent="-228578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57" indent="-228578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12" indent="-228578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5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09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64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17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72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26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81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34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3" Type="http://schemas.openxmlformats.org/officeDocument/2006/relationships/tags" Target="../tags/tag133.xml"/><Relationship Id="rId7" Type="http://schemas.openxmlformats.org/officeDocument/2006/relationships/slideLayout" Target="../slideLayouts/slideLayout4.xml"/><Relationship Id="rId2" Type="http://schemas.openxmlformats.org/officeDocument/2006/relationships/tags" Target="../tags/tag132.xml"/><Relationship Id="rId1" Type="http://schemas.openxmlformats.org/officeDocument/2006/relationships/tags" Target="../tags/tag131.xml"/><Relationship Id="rId6" Type="http://schemas.openxmlformats.org/officeDocument/2006/relationships/tags" Target="../tags/tag136.xml"/><Relationship Id="rId5" Type="http://schemas.openxmlformats.org/officeDocument/2006/relationships/tags" Target="../tags/tag135.xml"/><Relationship Id="rId4" Type="http://schemas.openxmlformats.org/officeDocument/2006/relationships/tags" Target="../tags/tag13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image" Target="../media/image21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slideLayout" Target="../slideLayouts/slideLayout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90.xml"/><Relationship Id="rId21" Type="http://schemas.openxmlformats.org/officeDocument/2006/relationships/tags" Target="../tags/tag85.xml"/><Relationship Id="rId34" Type="http://schemas.openxmlformats.org/officeDocument/2006/relationships/tags" Target="../tags/tag98.xml"/><Relationship Id="rId42" Type="http://schemas.openxmlformats.org/officeDocument/2006/relationships/tags" Target="../tags/tag106.xml"/><Relationship Id="rId47" Type="http://schemas.openxmlformats.org/officeDocument/2006/relationships/tags" Target="../tags/tag111.xml"/><Relationship Id="rId50" Type="http://schemas.openxmlformats.org/officeDocument/2006/relationships/tags" Target="../tags/tag114.xml"/><Relationship Id="rId55" Type="http://schemas.openxmlformats.org/officeDocument/2006/relationships/tags" Target="../tags/tag119.xml"/><Relationship Id="rId63" Type="http://schemas.openxmlformats.org/officeDocument/2006/relationships/tags" Target="../tags/tag127.xml"/><Relationship Id="rId68" Type="http://schemas.openxmlformats.org/officeDocument/2006/relationships/image" Target="../media/image21.png"/><Relationship Id="rId7" Type="http://schemas.openxmlformats.org/officeDocument/2006/relationships/tags" Target="../tags/tag71.xml"/><Relationship Id="rId2" Type="http://schemas.openxmlformats.org/officeDocument/2006/relationships/tags" Target="../tags/tag66.xml"/><Relationship Id="rId16" Type="http://schemas.openxmlformats.org/officeDocument/2006/relationships/tags" Target="../tags/tag80.xml"/><Relationship Id="rId29" Type="http://schemas.openxmlformats.org/officeDocument/2006/relationships/tags" Target="../tags/tag93.xml"/><Relationship Id="rId11" Type="http://schemas.openxmlformats.org/officeDocument/2006/relationships/tags" Target="../tags/tag75.xml"/><Relationship Id="rId24" Type="http://schemas.openxmlformats.org/officeDocument/2006/relationships/tags" Target="../tags/tag88.xml"/><Relationship Id="rId32" Type="http://schemas.openxmlformats.org/officeDocument/2006/relationships/tags" Target="../tags/tag96.xml"/><Relationship Id="rId37" Type="http://schemas.openxmlformats.org/officeDocument/2006/relationships/tags" Target="../tags/tag101.xml"/><Relationship Id="rId40" Type="http://schemas.openxmlformats.org/officeDocument/2006/relationships/tags" Target="../tags/tag104.xml"/><Relationship Id="rId45" Type="http://schemas.openxmlformats.org/officeDocument/2006/relationships/tags" Target="../tags/tag109.xml"/><Relationship Id="rId53" Type="http://schemas.openxmlformats.org/officeDocument/2006/relationships/tags" Target="../tags/tag117.xml"/><Relationship Id="rId58" Type="http://schemas.openxmlformats.org/officeDocument/2006/relationships/tags" Target="../tags/tag122.xml"/><Relationship Id="rId66" Type="http://schemas.openxmlformats.org/officeDocument/2006/relationships/tags" Target="../tags/tag130.xml"/><Relationship Id="rId5" Type="http://schemas.openxmlformats.org/officeDocument/2006/relationships/tags" Target="../tags/tag69.xml"/><Relationship Id="rId61" Type="http://schemas.openxmlformats.org/officeDocument/2006/relationships/tags" Target="../tags/tag125.xml"/><Relationship Id="rId19" Type="http://schemas.openxmlformats.org/officeDocument/2006/relationships/tags" Target="../tags/tag83.xml"/><Relationship Id="rId14" Type="http://schemas.openxmlformats.org/officeDocument/2006/relationships/tags" Target="../tags/tag78.xml"/><Relationship Id="rId22" Type="http://schemas.openxmlformats.org/officeDocument/2006/relationships/tags" Target="../tags/tag86.xml"/><Relationship Id="rId27" Type="http://schemas.openxmlformats.org/officeDocument/2006/relationships/tags" Target="../tags/tag91.xml"/><Relationship Id="rId30" Type="http://schemas.openxmlformats.org/officeDocument/2006/relationships/tags" Target="../tags/tag94.xml"/><Relationship Id="rId35" Type="http://schemas.openxmlformats.org/officeDocument/2006/relationships/tags" Target="../tags/tag99.xml"/><Relationship Id="rId43" Type="http://schemas.openxmlformats.org/officeDocument/2006/relationships/tags" Target="../tags/tag107.xml"/><Relationship Id="rId48" Type="http://schemas.openxmlformats.org/officeDocument/2006/relationships/tags" Target="../tags/tag112.xml"/><Relationship Id="rId56" Type="http://schemas.openxmlformats.org/officeDocument/2006/relationships/tags" Target="../tags/tag120.xml"/><Relationship Id="rId64" Type="http://schemas.openxmlformats.org/officeDocument/2006/relationships/tags" Target="../tags/tag128.xml"/><Relationship Id="rId8" Type="http://schemas.openxmlformats.org/officeDocument/2006/relationships/tags" Target="../tags/tag72.xml"/><Relationship Id="rId51" Type="http://schemas.openxmlformats.org/officeDocument/2006/relationships/tags" Target="../tags/tag115.xml"/><Relationship Id="rId3" Type="http://schemas.openxmlformats.org/officeDocument/2006/relationships/tags" Target="../tags/tag67.xml"/><Relationship Id="rId12" Type="http://schemas.openxmlformats.org/officeDocument/2006/relationships/tags" Target="../tags/tag76.xml"/><Relationship Id="rId17" Type="http://schemas.openxmlformats.org/officeDocument/2006/relationships/tags" Target="../tags/tag81.xml"/><Relationship Id="rId25" Type="http://schemas.openxmlformats.org/officeDocument/2006/relationships/tags" Target="../tags/tag89.xml"/><Relationship Id="rId33" Type="http://schemas.openxmlformats.org/officeDocument/2006/relationships/tags" Target="../tags/tag97.xml"/><Relationship Id="rId38" Type="http://schemas.openxmlformats.org/officeDocument/2006/relationships/tags" Target="../tags/tag102.xml"/><Relationship Id="rId46" Type="http://schemas.openxmlformats.org/officeDocument/2006/relationships/tags" Target="../tags/tag110.xml"/><Relationship Id="rId59" Type="http://schemas.openxmlformats.org/officeDocument/2006/relationships/tags" Target="../tags/tag123.xml"/><Relationship Id="rId67" Type="http://schemas.openxmlformats.org/officeDocument/2006/relationships/slideLayout" Target="../slideLayouts/slideLayout4.xml"/><Relationship Id="rId20" Type="http://schemas.openxmlformats.org/officeDocument/2006/relationships/tags" Target="../tags/tag84.xml"/><Relationship Id="rId41" Type="http://schemas.openxmlformats.org/officeDocument/2006/relationships/tags" Target="../tags/tag105.xml"/><Relationship Id="rId54" Type="http://schemas.openxmlformats.org/officeDocument/2006/relationships/tags" Target="../tags/tag118.xml"/><Relationship Id="rId62" Type="http://schemas.openxmlformats.org/officeDocument/2006/relationships/tags" Target="../tags/tag126.xml"/><Relationship Id="rId1" Type="http://schemas.openxmlformats.org/officeDocument/2006/relationships/tags" Target="../tags/tag65.xml"/><Relationship Id="rId6" Type="http://schemas.openxmlformats.org/officeDocument/2006/relationships/tags" Target="../tags/tag70.xml"/><Relationship Id="rId15" Type="http://schemas.openxmlformats.org/officeDocument/2006/relationships/tags" Target="../tags/tag79.xml"/><Relationship Id="rId23" Type="http://schemas.openxmlformats.org/officeDocument/2006/relationships/tags" Target="../tags/tag87.xml"/><Relationship Id="rId28" Type="http://schemas.openxmlformats.org/officeDocument/2006/relationships/tags" Target="../tags/tag92.xml"/><Relationship Id="rId36" Type="http://schemas.openxmlformats.org/officeDocument/2006/relationships/tags" Target="../tags/tag100.xml"/><Relationship Id="rId49" Type="http://schemas.openxmlformats.org/officeDocument/2006/relationships/tags" Target="../tags/tag113.xml"/><Relationship Id="rId57" Type="http://schemas.openxmlformats.org/officeDocument/2006/relationships/tags" Target="../tags/tag121.xml"/><Relationship Id="rId10" Type="http://schemas.openxmlformats.org/officeDocument/2006/relationships/tags" Target="../tags/tag74.xml"/><Relationship Id="rId31" Type="http://schemas.openxmlformats.org/officeDocument/2006/relationships/tags" Target="../tags/tag95.xml"/><Relationship Id="rId44" Type="http://schemas.openxmlformats.org/officeDocument/2006/relationships/tags" Target="../tags/tag108.xml"/><Relationship Id="rId52" Type="http://schemas.openxmlformats.org/officeDocument/2006/relationships/tags" Target="../tags/tag116.xml"/><Relationship Id="rId60" Type="http://schemas.openxmlformats.org/officeDocument/2006/relationships/tags" Target="../tags/tag124.xml"/><Relationship Id="rId65" Type="http://schemas.openxmlformats.org/officeDocument/2006/relationships/tags" Target="../tags/tag129.xml"/><Relationship Id="rId4" Type="http://schemas.openxmlformats.org/officeDocument/2006/relationships/tags" Target="../tags/tag68.xml"/><Relationship Id="rId9" Type="http://schemas.openxmlformats.org/officeDocument/2006/relationships/tags" Target="../tags/tag73.xml"/><Relationship Id="rId13" Type="http://schemas.openxmlformats.org/officeDocument/2006/relationships/tags" Target="../tags/tag77.xml"/><Relationship Id="rId18" Type="http://schemas.openxmlformats.org/officeDocument/2006/relationships/tags" Target="../tags/tag82.xml"/><Relationship Id="rId39" Type="http://schemas.openxmlformats.org/officeDocument/2006/relationships/tags" Target="../tags/tag10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n 4">
            <a:extLst>
              <a:ext uri="{FF2B5EF4-FFF2-40B4-BE49-F238E27FC236}">
                <a16:creationId xmlns:a16="http://schemas.microsoft.com/office/drawing/2014/main" xmlns="" id="{72108080-DDE5-A74D-BB2B-E71EDBA3D53F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-127587"/>
            <a:ext cx="18744464" cy="10543761"/>
          </a:xfrm>
          <a:prstGeom prst="rect">
            <a:avLst/>
          </a:prstGeom>
        </p:spPr>
      </p:pic>
      <p:pic>
        <p:nvPicPr>
          <p:cNvPr id="9" name="Imagen 8">
            <a:extLst>
              <a:ext uri="{FF2B5EF4-FFF2-40B4-BE49-F238E27FC236}">
                <a16:creationId xmlns:a16="http://schemas.microsoft.com/office/drawing/2014/main" xmlns="" id="{0AE72508-279B-5747-87C1-5174F626ECA3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558838" y="1103446"/>
            <a:ext cx="3690612" cy="909150"/>
          </a:xfrm>
          <a:prstGeom prst="rect">
            <a:avLst/>
          </a:prstGeom>
        </p:spPr>
      </p:pic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9352A549-E604-43C6-ADA3-61F3EC69D54D}"/>
              </a:ext>
            </a:extLst>
          </p:cNvPr>
          <p:cNvSpPr txBox="1"/>
          <p:nvPr/>
        </p:nvSpPr>
        <p:spPr>
          <a:xfrm>
            <a:off x="8476488" y="3475544"/>
            <a:ext cx="9414463" cy="36009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ES" sz="4800" b="1" dirty="0">
                <a:solidFill>
                  <a:schemeClr val="bg1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Comité Directivo</a:t>
            </a:r>
          </a:p>
          <a:p>
            <a:pPr algn="r"/>
            <a:r>
              <a:rPr lang="es-ES" sz="4800" b="1" dirty="0">
                <a:solidFill>
                  <a:schemeClr val="bg1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Commerce</a:t>
            </a:r>
          </a:p>
          <a:p>
            <a:pPr algn="r"/>
            <a:r>
              <a:rPr lang="es-ES" sz="4800" b="1" dirty="0">
                <a:solidFill>
                  <a:schemeClr val="bg1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Nini</a:t>
            </a:r>
          </a:p>
          <a:p>
            <a:pPr algn="r"/>
            <a:endParaRPr lang="es-ES" sz="4800" b="1" dirty="0">
              <a:solidFill>
                <a:schemeClr val="bg1"/>
              </a:solidFill>
              <a:latin typeface="Arial" panose="020B0604020202020204" pitchFamily="34" charset="0"/>
              <a:ea typeface="Open Sans" panose="020B0606030504020204" pitchFamily="34" charset="0"/>
              <a:cs typeface="Arial" panose="020B0604020202020204" pitchFamily="34" charset="0"/>
            </a:endParaRPr>
          </a:p>
          <a:p>
            <a:pPr algn="r"/>
            <a:r>
              <a:rPr lang="es-ES" sz="3600" b="1" dirty="0">
                <a:solidFill>
                  <a:schemeClr val="bg1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13.04.22</a:t>
            </a:r>
          </a:p>
        </p:txBody>
      </p:sp>
    </p:spTree>
    <p:extLst>
      <p:ext uri="{BB962C8B-B14F-4D97-AF65-F5344CB8AC3E}">
        <p14:creationId xmlns:p14="http://schemas.microsoft.com/office/powerpoint/2010/main" val="19297144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5" y="170688"/>
            <a:ext cx="13710903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6600" dirty="0">
                <a:solidFill>
                  <a:srgbClr val="1A497A"/>
                </a:solidFill>
              </a:rPr>
              <a:t>6. Página Marcas Propias &amp; Líderes</a:t>
            </a:r>
            <a:endParaRPr lang="es-PE" sz="2000" dirty="0">
              <a:solidFill>
                <a:srgbClr val="1A497A"/>
              </a:solidFill>
            </a:endParaRPr>
          </a:p>
        </p:txBody>
      </p:sp>
      <p:pic>
        <p:nvPicPr>
          <p:cNvPr id="6" name="Picture 2" descr="Nini Mayorista - Home | Facebook">
            <a:extLst>
              <a:ext uri="{FF2B5EF4-FFF2-40B4-BE49-F238E27FC236}">
                <a16:creationId xmlns:a16="http://schemas.microsoft.com/office/drawing/2014/main" xmlns="" id="{10BEF5EE-892A-45B2-98DD-69464C1AFB2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6079506" y="9044942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4" name="Tabla 3">
            <a:extLst>
              <a:ext uri="{FF2B5EF4-FFF2-40B4-BE49-F238E27FC236}">
                <a16:creationId xmlns:a16="http://schemas.microsoft.com/office/drawing/2014/main" xmlns="" id="{B6C9B9AF-6CFE-4C06-B06C-930893BED5D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49278635"/>
              </p:ext>
            </p:extLst>
          </p:nvPr>
        </p:nvGraphicFramePr>
        <p:xfrm>
          <a:off x="1577339" y="2950528"/>
          <a:ext cx="15133321" cy="3511762"/>
        </p:xfrm>
        <a:graphic>
          <a:graphicData uri="http://schemas.openxmlformats.org/drawingml/2006/table">
            <a:tbl>
              <a:tblPr/>
              <a:tblGrid>
                <a:gridCol w="1714140">
                  <a:extLst>
                    <a:ext uri="{9D8B030D-6E8A-4147-A177-3AD203B41FA5}">
                      <a16:colId xmlns:a16="http://schemas.microsoft.com/office/drawing/2014/main" xmlns="" val="2298202393"/>
                    </a:ext>
                  </a:extLst>
                </a:gridCol>
                <a:gridCol w="2076343">
                  <a:extLst>
                    <a:ext uri="{9D8B030D-6E8A-4147-A177-3AD203B41FA5}">
                      <a16:colId xmlns:a16="http://schemas.microsoft.com/office/drawing/2014/main" xmlns="" val="3472102439"/>
                    </a:ext>
                  </a:extLst>
                </a:gridCol>
                <a:gridCol w="3547317">
                  <a:extLst>
                    <a:ext uri="{9D8B030D-6E8A-4147-A177-3AD203B41FA5}">
                      <a16:colId xmlns:a16="http://schemas.microsoft.com/office/drawing/2014/main" xmlns="" val="1822296854"/>
                    </a:ext>
                  </a:extLst>
                </a:gridCol>
                <a:gridCol w="1326141">
                  <a:extLst>
                    <a:ext uri="{9D8B030D-6E8A-4147-A177-3AD203B41FA5}">
                      <a16:colId xmlns:a16="http://schemas.microsoft.com/office/drawing/2014/main" xmlns="" val="3628510511"/>
                    </a:ext>
                  </a:extLst>
                </a:gridCol>
                <a:gridCol w="990600">
                  <a:extLst>
                    <a:ext uri="{9D8B030D-6E8A-4147-A177-3AD203B41FA5}">
                      <a16:colId xmlns:a16="http://schemas.microsoft.com/office/drawing/2014/main" xmlns="" val="1799913482"/>
                    </a:ext>
                  </a:extLst>
                </a:gridCol>
                <a:gridCol w="1325880">
                  <a:extLst>
                    <a:ext uri="{9D8B030D-6E8A-4147-A177-3AD203B41FA5}">
                      <a16:colId xmlns:a16="http://schemas.microsoft.com/office/drawing/2014/main" xmlns="" val="3750322096"/>
                    </a:ext>
                  </a:extLst>
                </a:gridCol>
                <a:gridCol w="1173480">
                  <a:extLst>
                    <a:ext uri="{9D8B030D-6E8A-4147-A177-3AD203B41FA5}">
                      <a16:colId xmlns:a16="http://schemas.microsoft.com/office/drawing/2014/main" xmlns="" val="3079042962"/>
                    </a:ext>
                  </a:extLst>
                </a:gridCol>
                <a:gridCol w="2979420">
                  <a:extLst>
                    <a:ext uri="{9D8B030D-6E8A-4147-A177-3AD203B41FA5}">
                      <a16:colId xmlns:a16="http://schemas.microsoft.com/office/drawing/2014/main" xmlns="" val="327999700"/>
                    </a:ext>
                  </a:extLst>
                </a:gridCol>
              </a:tblGrid>
              <a:tr h="652251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ccione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tivida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scrip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sponsabl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Inici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Finaliz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mentari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3996398592"/>
                  </a:ext>
                </a:extLst>
              </a:tr>
              <a:tr h="652251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&lt;Marcas Líderes&gt;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imación mejora en vista de Product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 requiere que al seleccionar el nombre de la marca o proveedor se muestre adicional a los productos con oferta, todos los productos en nivel 2 y 3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1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8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chemeClr val="accent6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2.04.22: La estimación y presentación se enviará a Pre-Venta Seidor.  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231478303"/>
                  </a:ext>
                </a:extLst>
              </a:tr>
              <a:tr h="652251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&lt;Marcas Propias&gt;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laborar Página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rear bajo el standard la Página de Marcas Propias y cargar Product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8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chemeClr val="accent6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s-PE" sz="1600" b="1" i="0" u="none" strike="noStrike" dirty="0">
                        <a:solidFill>
                          <a:schemeClr val="accent6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87425907"/>
                  </a:ext>
                </a:extLst>
              </a:tr>
              <a:tr h="652251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&lt;Marcas Propias&gt;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, Ajustes y Valid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alizar pruebas y validar contenido</a:t>
                      </a:r>
                    </a:p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Se pasará a DEV*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8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2.04.22: El despliegue para pruebas será en DEV y no en QAS debido a que se viene realizando pruebas y el log de las observaciones se borrarían.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64325366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1124205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5" y="170688"/>
            <a:ext cx="13710903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6600" dirty="0">
                <a:solidFill>
                  <a:srgbClr val="1A497A"/>
                </a:solidFill>
              </a:rPr>
              <a:t>7. Pruebas Integrales</a:t>
            </a:r>
            <a:endParaRPr lang="es-PE" sz="2000" dirty="0">
              <a:solidFill>
                <a:srgbClr val="1A497A"/>
              </a:solidFill>
            </a:endParaRPr>
          </a:p>
        </p:txBody>
      </p:sp>
      <p:pic>
        <p:nvPicPr>
          <p:cNvPr id="6" name="Picture 2" descr="Nini Mayorista - Home | Facebook">
            <a:extLst>
              <a:ext uri="{FF2B5EF4-FFF2-40B4-BE49-F238E27FC236}">
                <a16:creationId xmlns:a16="http://schemas.microsoft.com/office/drawing/2014/main" xmlns="" id="{10BEF5EE-892A-45B2-98DD-69464C1AFB2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6079506" y="9044942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5" name="Tabla 4">
            <a:extLst>
              <a:ext uri="{FF2B5EF4-FFF2-40B4-BE49-F238E27FC236}">
                <a16:creationId xmlns:a16="http://schemas.microsoft.com/office/drawing/2014/main" xmlns="" id="{49E09370-E108-4736-BF44-E2D83B6CFD8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56336230"/>
              </p:ext>
            </p:extLst>
          </p:nvPr>
        </p:nvGraphicFramePr>
        <p:xfrm>
          <a:off x="1783080" y="5445401"/>
          <a:ext cx="14621774" cy="3424279"/>
        </p:xfrm>
        <a:graphic>
          <a:graphicData uri="http://schemas.openxmlformats.org/drawingml/2006/table">
            <a:tbl>
              <a:tblPr/>
              <a:tblGrid>
                <a:gridCol w="2012030">
                  <a:extLst>
                    <a:ext uri="{9D8B030D-6E8A-4147-A177-3AD203B41FA5}">
                      <a16:colId xmlns:a16="http://schemas.microsoft.com/office/drawing/2014/main" xmlns="" val="3528397367"/>
                    </a:ext>
                  </a:extLst>
                </a:gridCol>
                <a:gridCol w="2058107">
                  <a:extLst>
                    <a:ext uri="{9D8B030D-6E8A-4147-A177-3AD203B41FA5}">
                      <a16:colId xmlns:a16="http://schemas.microsoft.com/office/drawing/2014/main" xmlns="" val="3127014896"/>
                    </a:ext>
                  </a:extLst>
                </a:gridCol>
                <a:gridCol w="3809034">
                  <a:extLst>
                    <a:ext uri="{9D8B030D-6E8A-4147-A177-3AD203B41FA5}">
                      <a16:colId xmlns:a16="http://schemas.microsoft.com/office/drawing/2014/main" xmlns="" val="3947238246"/>
                    </a:ext>
                  </a:extLst>
                </a:gridCol>
                <a:gridCol w="2180979">
                  <a:extLst>
                    <a:ext uri="{9D8B030D-6E8A-4147-A177-3AD203B41FA5}">
                      <a16:colId xmlns:a16="http://schemas.microsoft.com/office/drawing/2014/main" xmlns="" val="2644302579"/>
                    </a:ext>
                  </a:extLst>
                </a:gridCol>
                <a:gridCol w="1366951">
                  <a:extLst>
                    <a:ext uri="{9D8B030D-6E8A-4147-A177-3AD203B41FA5}">
                      <a16:colId xmlns:a16="http://schemas.microsoft.com/office/drawing/2014/main" xmlns="" val="2958879773"/>
                    </a:ext>
                  </a:extLst>
                </a:gridCol>
                <a:gridCol w="1566619">
                  <a:extLst>
                    <a:ext uri="{9D8B030D-6E8A-4147-A177-3AD203B41FA5}">
                      <a16:colId xmlns:a16="http://schemas.microsoft.com/office/drawing/2014/main" xmlns="" val="1028709290"/>
                    </a:ext>
                  </a:extLst>
                </a:gridCol>
                <a:gridCol w="1628054">
                  <a:extLst>
                    <a:ext uri="{9D8B030D-6E8A-4147-A177-3AD203B41FA5}">
                      <a16:colId xmlns:a16="http://schemas.microsoft.com/office/drawing/2014/main" xmlns="" val="3905412380"/>
                    </a:ext>
                  </a:extLst>
                </a:gridCol>
              </a:tblGrid>
              <a:tr h="421999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ccion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tividad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scripció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sponsabl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Inici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Finalizació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912398118"/>
                  </a:ext>
                </a:extLst>
              </a:tr>
              <a:tr h="559159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 Integral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ocumento Pruebas Integral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laboración de Documento de Pruebas Integral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.03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9.03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chemeClr val="accent6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124031987"/>
                  </a:ext>
                </a:extLst>
              </a:tr>
              <a:tr h="54864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 Integral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 Integrales 1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jecución de Prueba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5.04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04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Pendient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839295917"/>
                  </a:ext>
                </a:extLst>
              </a:tr>
              <a:tr h="60960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 Integral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rrección de Observaciones 1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solución de observaciones Backend y Frontend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7.04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2.04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Pendiente</a:t>
                      </a:r>
                      <a:endParaRPr lang="es-PE" sz="1600" b="0" i="0" u="none" strike="noStrike" dirty="0">
                        <a:solidFill>
                          <a:schemeClr val="accent6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332804297"/>
                  </a:ext>
                </a:extLst>
              </a:tr>
              <a:tr h="60960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 Integral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alidación de Observacion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alización de pruebas y validación de observación corregida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.04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2.04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4160761886"/>
                  </a:ext>
                </a:extLst>
              </a:tr>
              <a:tr h="60960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 Integral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justes y Validaciones final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justes a observaciones adicionales  y validación final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.04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7.04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239466482"/>
                  </a:ext>
                </a:extLst>
              </a:tr>
            </a:tbl>
          </a:graphicData>
        </a:graphic>
      </p:graphicFrame>
      <p:graphicFrame>
        <p:nvGraphicFramePr>
          <p:cNvPr id="7" name="Tabla 6">
            <a:extLst>
              <a:ext uri="{FF2B5EF4-FFF2-40B4-BE49-F238E27FC236}">
                <a16:creationId xmlns:a16="http://schemas.microsoft.com/office/drawing/2014/main" xmlns="" id="{2FA54C01-D173-4E83-BB17-3D4852846A4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84506715"/>
              </p:ext>
            </p:extLst>
          </p:nvPr>
        </p:nvGraphicFramePr>
        <p:xfrm>
          <a:off x="1783080" y="2359541"/>
          <a:ext cx="4678680" cy="2483647"/>
        </p:xfrm>
        <a:graphic>
          <a:graphicData uri="http://schemas.openxmlformats.org/drawingml/2006/table">
            <a:tbl>
              <a:tblPr firstRow="1" firstCol="1" bandRow="1"/>
              <a:tblGrid>
                <a:gridCol w="2991287">
                  <a:extLst>
                    <a:ext uri="{9D8B030D-6E8A-4147-A177-3AD203B41FA5}">
                      <a16:colId xmlns:a16="http://schemas.microsoft.com/office/drawing/2014/main" xmlns="" val="603848889"/>
                    </a:ext>
                  </a:extLst>
                </a:gridCol>
                <a:gridCol w="1687393">
                  <a:extLst>
                    <a:ext uri="{9D8B030D-6E8A-4147-A177-3AD203B41FA5}">
                      <a16:colId xmlns:a16="http://schemas.microsoft.com/office/drawing/2014/main" xmlns="" val="4242550484"/>
                    </a:ext>
                  </a:extLst>
                </a:gridCol>
              </a:tblGrid>
              <a:tr h="764659">
                <a:tc>
                  <a:txBody>
                    <a:bodyPr/>
                    <a:lstStyle/>
                    <a:p>
                      <a:pPr algn="ctr"/>
                      <a:r>
                        <a:rPr lang="es-PE" sz="20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ESTADO </a:t>
                      </a:r>
                    </a:p>
                    <a:p>
                      <a:pPr algn="ctr"/>
                      <a:r>
                        <a:rPr lang="es-PE" sz="20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PROCESOS DE NEGOCIO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PE" sz="20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CANTIDAD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656286152"/>
                  </a:ext>
                </a:extLst>
              </a:tr>
              <a:tr h="429747">
                <a:tc>
                  <a:txBody>
                    <a:bodyPr/>
                    <a:lstStyle/>
                    <a:p>
                      <a:r>
                        <a:rPr lang="es-PE" sz="20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POR PROBAR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PE" sz="20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19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901727935"/>
                  </a:ext>
                </a:extLst>
              </a:tr>
              <a:tr h="429747">
                <a:tc>
                  <a:txBody>
                    <a:bodyPr/>
                    <a:lstStyle/>
                    <a:p>
                      <a:r>
                        <a:rPr lang="es-PE" sz="20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VALIDADOS</a:t>
                      </a: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PE" sz="20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19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25466292"/>
                  </a:ext>
                </a:extLst>
              </a:tr>
              <a:tr h="429747">
                <a:tc>
                  <a:txBody>
                    <a:bodyPr/>
                    <a:lstStyle/>
                    <a:p>
                      <a:r>
                        <a:rPr lang="es-PE" sz="20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OBSERVADOS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PE" sz="20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30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583678266"/>
                  </a:ext>
                </a:extLst>
              </a:tr>
              <a:tr h="429747">
                <a:tc>
                  <a:txBody>
                    <a:bodyPr/>
                    <a:lstStyle/>
                    <a:p>
                      <a:pPr algn="r"/>
                      <a:r>
                        <a:rPr lang="es-PE" sz="20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TOTAL 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9FC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PE" sz="20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68</a:t>
                      </a: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9FC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29164810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2417454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5" y="170688"/>
            <a:ext cx="13710903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6600" dirty="0">
                <a:solidFill>
                  <a:srgbClr val="1A497A"/>
                </a:solidFill>
              </a:rPr>
              <a:t>8. Documento Plan de Corte</a:t>
            </a:r>
            <a:endParaRPr lang="es-PE" sz="2000" dirty="0">
              <a:solidFill>
                <a:srgbClr val="1A497A"/>
              </a:solidFill>
            </a:endParaRPr>
          </a:p>
        </p:txBody>
      </p:sp>
      <p:pic>
        <p:nvPicPr>
          <p:cNvPr id="6" name="Picture 2" descr="Nini Mayorista - Home | Facebook">
            <a:extLst>
              <a:ext uri="{FF2B5EF4-FFF2-40B4-BE49-F238E27FC236}">
                <a16:creationId xmlns:a16="http://schemas.microsoft.com/office/drawing/2014/main" xmlns="" id="{10BEF5EE-892A-45B2-98DD-69464C1AFB2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6079506" y="9044942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3" name="Tabla 2">
            <a:extLst>
              <a:ext uri="{FF2B5EF4-FFF2-40B4-BE49-F238E27FC236}">
                <a16:creationId xmlns:a16="http://schemas.microsoft.com/office/drawing/2014/main" xmlns="" id="{E85AECD8-C0FB-402C-95A5-B249273C8CC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43016216"/>
              </p:ext>
            </p:extLst>
          </p:nvPr>
        </p:nvGraphicFramePr>
        <p:xfrm>
          <a:off x="1471295" y="2233454"/>
          <a:ext cx="15345409" cy="2799811"/>
        </p:xfrm>
        <a:graphic>
          <a:graphicData uri="http://schemas.openxmlformats.org/drawingml/2006/table">
            <a:tbl>
              <a:tblPr/>
              <a:tblGrid>
                <a:gridCol w="1539240">
                  <a:extLst>
                    <a:ext uri="{9D8B030D-6E8A-4147-A177-3AD203B41FA5}">
                      <a16:colId xmlns:a16="http://schemas.microsoft.com/office/drawing/2014/main" xmlns="" val="1854834294"/>
                    </a:ext>
                  </a:extLst>
                </a:gridCol>
                <a:gridCol w="1584960">
                  <a:extLst>
                    <a:ext uri="{9D8B030D-6E8A-4147-A177-3AD203B41FA5}">
                      <a16:colId xmlns:a16="http://schemas.microsoft.com/office/drawing/2014/main" xmlns="" val="868145426"/>
                    </a:ext>
                  </a:extLst>
                </a:gridCol>
                <a:gridCol w="3855720">
                  <a:extLst>
                    <a:ext uri="{9D8B030D-6E8A-4147-A177-3AD203B41FA5}">
                      <a16:colId xmlns:a16="http://schemas.microsoft.com/office/drawing/2014/main" xmlns="" val="3181445259"/>
                    </a:ext>
                  </a:extLst>
                </a:gridCol>
                <a:gridCol w="1295400">
                  <a:extLst>
                    <a:ext uri="{9D8B030D-6E8A-4147-A177-3AD203B41FA5}">
                      <a16:colId xmlns:a16="http://schemas.microsoft.com/office/drawing/2014/main" xmlns="" val="881009663"/>
                    </a:ext>
                  </a:extLst>
                </a:gridCol>
                <a:gridCol w="1097280">
                  <a:extLst>
                    <a:ext uri="{9D8B030D-6E8A-4147-A177-3AD203B41FA5}">
                      <a16:colId xmlns:a16="http://schemas.microsoft.com/office/drawing/2014/main" xmlns="" val="1146390658"/>
                    </a:ext>
                  </a:extLst>
                </a:gridCol>
                <a:gridCol w="1508760">
                  <a:extLst>
                    <a:ext uri="{9D8B030D-6E8A-4147-A177-3AD203B41FA5}">
                      <a16:colId xmlns:a16="http://schemas.microsoft.com/office/drawing/2014/main" xmlns="" val="2634758268"/>
                    </a:ext>
                  </a:extLst>
                </a:gridCol>
                <a:gridCol w="1417320">
                  <a:extLst>
                    <a:ext uri="{9D8B030D-6E8A-4147-A177-3AD203B41FA5}">
                      <a16:colId xmlns:a16="http://schemas.microsoft.com/office/drawing/2014/main" xmlns="" val="2459394934"/>
                    </a:ext>
                  </a:extLst>
                </a:gridCol>
                <a:gridCol w="3046729">
                  <a:extLst>
                    <a:ext uri="{9D8B030D-6E8A-4147-A177-3AD203B41FA5}">
                      <a16:colId xmlns:a16="http://schemas.microsoft.com/office/drawing/2014/main" xmlns="" val="376126870"/>
                    </a:ext>
                  </a:extLst>
                </a:gridCol>
              </a:tblGrid>
              <a:tr h="605251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ccion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tividad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scripció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sponsabl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Inici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Finalizació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mentario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3130005772"/>
                  </a:ext>
                </a:extLst>
              </a:tr>
              <a:tr h="378807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lan de Cort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laboració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laboración de Document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4.03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chemeClr val="accent6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450925593"/>
                  </a:ext>
                </a:extLst>
              </a:tr>
              <a:tr h="605251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lan de Cort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sentació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sentación del Pla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.03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.03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chemeClr val="accent6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3.03.22: Se dará en el Seguimiento Semanal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425063978"/>
                  </a:ext>
                </a:extLst>
              </a:tr>
              <a:tr h="605251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lan de Cort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trega de Solicitud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trega de Permisos, usuarios, Tx, etc.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04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2.04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225585814"/>
                  </a:ext>
                </a:extLst>
              </a:tr>
              <a:tr h="605251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lan de Cort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jecución Plan de Cort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alización de las actividades del Plan de Cort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8.04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6.05.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770221356"/>
                  </a:ext>
                </a:extLst>
              </a:tr>
            </a:tbl>
          </a:graphicData>
        </a:graphic>
      </p:graphicFrame>
      <p:graphicFrame>
        <p:nvGraphicFramePr>
          <p:cNvPr id="4" name="Tabla 3">
            <a:extLst>
              <a:ext uri="{FF2B5EF4-FFF2-40B4-BE49-F238E27FC236}">
                <a16:creationId xmlns:a16="http://schemas.microsoft.com/office/drawing/2014/main" xmlns="" id="{ED9C1D27-6767-4AAD-9C89-41030785C31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95719937"/>
              </p:ext>
            </p:extLst>
          </p:nvPr>
        </p:nvGraphicFramePr>
        <p:xfrm>
          <a:off x="1249679" y="5387342"/>
          <a:ext cx="15567025" cy="3657600"/>
        </p:xfrm>
        <a:graphic>
          <a:graphicData uri="http://schemas.openxmlformats.org/drawingml/2006/table">
            <a:tbl>
              <a:tblPr/>
              <a:tblGrid>
                <a:gridCol w="260380">
                  <a:extLst>
                    <a:ext uri="{9D8B030D-6E8A-4147-A177-3AD203B41FA5}">
                      <a16:colId xmlns:a16="http://schemas.microsoft.com/office/drawing/2014/main" xmlns="" val="339240621"/>
                    </a:ext>
                  </a:extLst>
                </a:gridCol>
                <a:gridCol w="5616776">
                  <a:extLst>
                    <a:ext uri="{9D8B030D-6E8A-4147-A177-3AD203B41FA5}">
                      <a16:colId xmlns:a16="http://schemas.microsoft.com/office/drawing/2014/main" xmlns="" val="1209735252"/>
                    </a:ext>
                  </a:extLst>
                </a:gridCol>
                <a:gridCol w="4689175">
                  <a:extLst>
                    <a:ext uri="{9D8B030D-6E8A-4147-A177-3AD203B41FA5}">
                      <a16:colId xmlns:a16="http://schemas.microsoft.com/office/drawing/2014/main" xmlns="" val="4241377680"/>
                    </a:ext>
                  </a:extLst>
                </a:gridCol>
                <a:gridCol w="1035826">
                  <a:extLst>
                    <a:ext uri="{9D8B030D-6E8A-4147-A177-3AD203B41FA5}">
                      <a16:colId xmlns:a16="http://schemas.microsoft.com/office/drawing/2014/main" xmlns="" val="511404084"/>
                    </a:ext>
                  </a:extLst>
                </a:gridCol>
                <a:gridCol w="1788833">
                  <a:extLst>
                    <a:ext uri="{9D8B030D-6E8A-4147-A177-3AD203B41FA5}">
                      <a16:colId xmlns:a16="http://schemas.microsoft.com/office/drawing/2014/main" xmlns="" val="1494327359"/>
                    </a:ext>
                  </a:extLst>
                </a:gridCol>
                <a:gridCol w="1283303">
                  <a:extLst>
                    <a:ext uri="{9D8B030D-6E8A-4147-A177-3AD203B41FA5}">
                      <a16:colId xmlns:a16="http://schemas.microsoft.com/office/drawing/2014/main" xmlns="" val="4083572945"/>
                    </a:ext>
                  </a:extLst>
                </a:gridCol>
                <a:gridCol w="892732">
                  <a:extLst>
                    <a:ext uri="{9D8B030D-6E8A-4147-A177-3AD203B41FA5}">
                      <a16:colId xmlns:a16="http://schemas.microsoft.com/office/drawing/2014/main" xmlns="" val="3763363720"/>
                    </a:ext>
                  </a:extLst>
                </a:gridCol>
              </a:tblGrid>
              <a:tr h="540303">
                <a:tc>
                  <a:txBody>
                    <a:bodyPr/>
                    <a:lstStyle/>
                    <a:p>
                      <a:pPr algn="ctr" fontAlgn="ctr"/>
                      <a:endParaRPr lang="es-P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scripció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bjetivo (para qué)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olicitant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sponsable de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trega/Respuesta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de Entreg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la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953569050"/>
                  </a:ext>
                </a:extLst>
              </a:tr>
              <a:tr h="540303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uenta SMTP: Usuario + Password + SMTP Server + Puert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ara el envío de Notificaciones de Correo electrónico desde Commerce.</a:t>
                      </a:r>
                      <a:b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jemplo: Correo de Confirmación de Pedi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/04/20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olici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428059044"/>
                  </a:ext>
                </a:extLst>
              </a:tr>
              <a:tr h="191023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ertificado HTTPS SSL para Dominio nini.com.ar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guridad cifrada al Portal Ecommerce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/04/20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olici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282213093"/>
                  </a:ext>
                </a:extLst>
              </a:tr>
              <a:tr h="191023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mbre DNS del Dominio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jemplo: www.nini.com.ar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/04/20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olici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955420821"/>
                  </a:ext>
                </a:extLst>
              </a:tr>
              <a:tr h="191023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Usuario PO PRD: Usuario + Password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ara consumir los servicios de PO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/04/20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olici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894876775"/>
                  </a:ext>
                </a:extLst>
              </a:tr>
              <a:tr h="191023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irstData: Usuario + Password + URL de Conexión (Endopoint)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ara consumir API de First Data para los pagos con TC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/04/20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olici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493115791"/>
                  </a:ext>
                </a:extLst>
              </a:tr>
              <a:tr h="191023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ertificado de Conexión entre PO &amp; Commerce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ara seguridad cifrada en la comunicación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olici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3400576"/>
                  </a:ext>
                </a:extLst>
              </a:tr>
              <a:tr h="191023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ceso a ERP &amp; CAR PRD: Credenciales + Información de SAP Logon 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ara configurar la salida de IDOCs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/04/20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olici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790333397"/>
                  </a:ext>
                </a:extLst>
              </a:tr>
              <a:tr h="191023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it-IT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ceso PO PRD: Credenciales + URL PO PRD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ara configurar y desplegar las interfaces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1/04/20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olici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782412114"/>
                  </a:ext>
                </a:extLst>
              </a:tr>
              <a:tr h="382045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PM PRD: Usuario PO + Apertura de Puertos en PO PRD: 5000, 50113, 50004, 50013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ara la configurar la BPM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2/04/2022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olicitad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38850695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170529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5" y="170688"/>
            <a:ext cx="13710903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6600" dirty="0" smtClean="0">
                <a:solidFill>
                  <a:srgbClr val="1A497A"/>
                </a:solidFill>
              </a:rPr>
              <a:t>Solicitudes Nini</a:t>
            </a:r>
            <a:endParaRPr lang="es-PE" sz="2000" dirty="0">
              <a:solidFill>
                <a:srgbClr val="1A497A"/>
              </a:solidFill>
            </a:endParaRPr>
          </a:p>
        </p:txBody>
      </p:sp>
      <p:sp>
        <p:nvSpPr>
          <p:cNvPr id="3" name="Rectángulo 2">
            <a:extLst>
              <a:ext uri="{FF2B5EF4-FFF2-40B4-BE49-F238E27FC236}">
                <a16:creationId xmlns:a16="http://schemas.microsoft.com/office/drawing/2014/main" xmlns="" id="{C85D59CE-FE47-4D19-99CD-1CDE6589AF80}"/>
              </a:ext>
            </a:extLst>
          </p:cNvPr>
          <p:cNvSpPr/>
          <p:nvPr/>
        </p:nvSpPr>
        <p:spPr>
          <a:xfrm>
            <a:off x="957771" y="1675486"/>
            <a:ext cx="16262037" cy="7971434"/>
          </a:xfrm>
          <a:prstGeom prst="rect">
            <a:avLst/>
          </a:prstGeom>
          <a:solidFill>
            <a:srgbClr val="F9FCFF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" name="CuadroTexto 4">
            <a:extLst>
              <a:ext uri="{FF2B5EF4-FFF2-40B4-BE49-F238E27FC236}">
                <a16:creationId xmlns:a16="http://schemas.microsoft.com/office/drawing/2014/main" xmlns="" id="{E2617DC5-47E9-49A6-9662-D313D76B4537}"/>
              </a:ext>
            </a:extLst>
          </p:cNvPr>
          <p:cNvSpPr txBox="1"/>
          <p:nvPr/>
        </p:nvSpPr>
        <p:spPr>
          <a:xfrm>
            <a:off x="1218092" y="1935303"/>
            <a:ext cx="15361029" cy="71096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+mj-lt"/>
              <a:buAutoNum type="arabicPeriod"/>
            </a:pPr>
            <a:r>
              <a:rPr lang="es-PE" sz="2400" b="1" dirty="0"/>
              <a:t>Observaciones Diseño</a:t>
            </a:r>
            <a:r>
              <a:rPr lang="es-PE" sz="2400" dirty="0"/>
              <a:t>:</a:t>
            </a:r>
            <a:endParaRPr lang="es-PE" dirty="0"/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Nini: Presentación de observaciones de Juan S.</a:t>
            </a:r>
          </a:p>
          <a:p>
            <a:pPr lvl="3"/>
            <a:r>
              <a:rPr lang="es-PE" sz="2400" dirty="0"/>
              <a:t>Fecha: 23.03.22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Seidor: Inicio de revisión y corrección Frontend</a:t>
            </a:r>
          </a:p>
          <a:p>
            <a:pPr lvl="3"/>
            <a:r>
              <a:rPr lang="es-PE" sz="2400" dirty="0"/>
              <a:t>Fecha Cierre: 18.04.22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Nini/Seidor: Pruebas y Validaciones</a:t>
            </a:r>
          </a:p>
          <a:p>
            <a:pPr lvl="3"/>
            <a:r>
              <a:rPr lang="es-PE" sz="2400" dirty="0"/>
              <a:t>Fecha: Desde el 19.04.22</a:t>
            </a:r>
          </a:p>
          <a:p>
            <a:endParaRPr lang="es-PE" sz="2400" dirty="0"/>
          </a:p>
          <a:p>
            <a:pPr marL="457200" indent="-457200">
              <a:buFont typeface="+mj-lt"/>
              <a:buAutoNum type="arabicPeriod" startAt="2"/>
            </a:pPr>
            <a:r>
              <a:rPr lang="es-PE" sz="2400" b="1" dirty="0"/>
              <a:t>Nueva Jerarquía de Productos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Nini: Presentación de solicitud.</a:t>
            </a:r>
          </a:p>
          <a:p>
            <a:pPr lvl="3"/>
            <a:r>
              <a:rPr lang="es-PE" sz="2400" dirty="0"/>
              <a:t>Fecha: 23.03.22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Seidor/Nini: Call Programada</a:t>
            </a:r>
          </a:p>
          <a:p>
            <a:pPr lvl="3"/>
            <a:r>
              <a:rPr lang="es-PE" sz="2400" dirty="0"/>
              <a:t>Fecha: 30.03.22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Nini: Entrega de nueva jerarquía de Categoría a ser cargada</a:t>
            </a:r>
          </a:p>
          <a:p>
            <a:pPr lvl="3"/>
            <a:r>
              <a:rPr lang="es-PE" sz="2400" dirty="0"/>
              <a:t>Fecha: 07.04.22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Seidor: Armar plantilla con data enviada y carga por Impex</a:t>
            </a:r>
          </a:p>
          <a:p>
            <a:pPr lvl="3"/>
            <a:r>
              <a:rPr lang="es-PE" sz="2400" dirty="0"/>
              <a:t>Fecha: Desde el 19.04.22</a:t>
            </a:r>
          </a:p>
          <a:p>
            <a:pPr lvl="3"/>
            <a:endParaRPr lang="es-PE" sz="2400" dirty="0"/>
          </a:p>
          <a:p>
            <a:pPr lvl="3"/>
            <a:endParaRPr lang="es-PE" sz="2400" dirty="0"/>
          </a:p>
        </p:txBody>
      </p:sp>
      <p:pic>
        <p:nvPicPr>
          <p:cNvPr id="6" name="Picture 2" descr="Nini Mayorista - Home | Facebook">
            <a:extLst>
              <a:ext uri="{FF2B5EF4-FFF2-40B4-BE49-F238E27FC236}">
                <a16:creationId xmlns:a16="http://schemas.microsoft.com/office/drawing/2014/main" xmlns="" id="{10BEF5EE-892A-45B2-98DD-69464C1AFB2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6079506" y="9044942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806736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6" y="170688"/>
            <a:ext cx="1359098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6600" dirty="0">
                <a:solidFill>
                  <a:srgbClr val="1A497A"/>
                </a:solidFill>
              </a:rPr>
              <a:t>Solicitudes </a:t>
            </a:r>
            <a:r>
              <a:rPr lang="es-PE" sz="6600" dirty="0" smtClean="0">
                <a:solidFill>
                  <a:srgbClr val="1A497A"/>
                </a:solidFill>
              </a:rPr>
              <a:t>Nini</a:t>
            </a:r>
            <a:endParaRPr lang="es-PE" sz="2000" dirty="0">
              <a:solidFill>
                <a:srgbClr val="1A497A"/>
              </a:solidFill>
            </a:endParaRPr>
          </a:p>
        </p:txBody>
      </p:sp>
      <p:sp>
        <p:nvSpPr>
          <p:cNvPr id="3" name="Rectángulo 2">
            <a:extLst>
              <a:ext uri="{FF2B5EF4-FFF2-40B4-BE49-F238E27FC236}">
                <a16:creationId xmlns:a16="http://schemas.microsoft.com/office/drawing/2014/main" xmlns="" id="{C85D59CE-FE47-4D19-99CD-1CDE6589AF80}"/>
              </a:ext>
            </a:extLst>
          </p:cNvPr>
          <p:cNvSpPr/>
          <p:nvPr/>
        </p:nvSpPr>
        <p:spPr>
          <a:xfrm>
            <a:off x="957771" y="1675486"/>
            <a:ext cx="16262037" cy="7971434"/>
          </a:xfrm>
          <a:prstGeom prst="rect">
            <a:avLst/>
          </a:prstGeom>
          <a:solidFill>
            <a:srgbClr val="F9FCFF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" name="CuadroTexto 4">
            <a:extLst>
              <a:ext uri="{FF2B5EF4-FFF2-40B4-BE49-F238E27FC236}">
                <a16:creationId xmlns:a16="http://schemas.microsoft.com/office/drawing/2014/main" xmlns="" id="{E2617DC5-47E9-49A6-9662-D313D76B4537}"/>
              </a:ext>
            </a:extLst>
          </p:cNvPr>
          <p:cNvSpPr txBox="1"/>
          <p:nvPr/>
        </p:nvSpPr>
        <p:spPr>
          <a:xfrm>
            <a:off x="1218092" y="1935303"/>
            <a:ext cx="15630852" cy="784830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+mj-lt"/>
              <a:buAutoNum type="arabicPeriod" startAt="3"/>
            </a:pPr>
            <a:r>
              <a:rPr lang="es-PE" sz="2400" b="1" dirty="0"/>
              <a:t>Consulta sobre Modificación de Jerarquía de Productos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Seidor/Nini: Call Programada</a:t>
            </a:r>
          </a:p>
          <a:p>
            <a:pPr lvl="3"/>
            <a:r>
              <a:rPr lang="es-PE" sz="2400" dirty="0"/>
              <a:t>Fecha: 30.03.22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Seidor: Resolución de duda con Procedimiento</a:t>
            </a:r>
          </a:p>
          <a:p>
            <a:pPr lvl="3"/>
            <a:r>
              <a:rPr lang="es-PE" sz="2400" dirty="0"/>
              <a:t>Fecha: 06.04.22</a:t>
            </a:r>
          </a:p>
          <a:p>
            <a:pPr marL="457200" indent="-457200">
              <a:buFont typeface="+mj-lt"/>
              <a:buAutoNum type="arabicPeriod" startAt="3"/>
            </a:pPr>
            <a:endParaRPr lang="es-PE" sz="2400" b="1" dirty="0"/>
          </a:p>
          <a:p>
            <a:pPr marL="457200" indent="-457200">
              <a:buFont typeface="+mj-lt"/>
              <a:buAutoNum type="arabicPeriod" startAt="3"/>
            </a:pPr>
            <a:r>
              <a:rPr lang="es-PE" sz="2400" b="1" dirty="0"/>
              <a:t>Pop-Up Productos | Adicionar Imágenes + Zoom</a:t>
            </a:r>
            <a:endParaRPr lang="es-PE" sz="2400" dirty="0"/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Nini: Solicitud de Requerimiento a estimar</a:t>
            </a:r>
          </a:p>
          <a:p>
            <a:pPr lvl="3"/>
            <a:r>
              <a:rPr lang="es-PE" sz="2400" dirty="0"/>
              <a:t>Fecha: 23.03.22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Seidor/Nini: Call Programada</a:t>
            </a:r>
          </a:p>
          <a:p>
            <a:pPr lvl="3"/>
            <a:r>
              <a:rPr lang="es-PE" sz="2400" dirty="0"/>
              <a:t>Fecha: 30.03.22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Nini: Entrega Diseño de Juan Shakespeare</a:t>
            </a:r>
          </a:p>
          <a:p>
            <a:pPr lvl="3"/>
            <a:r>
              <a:rPr lang="es-PE" sz="2400" dirty="0"/>
              <a:t>Fecha: 08.04.22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Seidor/Nini: Selección de la opción para dimensionar y desarrollar</a:t>
            </a:r>
          </a:p>
          <a:p>
            <a:pPr lvl="3"/>
            <a:r>
              <a:rPr lang="es-PE" sz="2400" dirty="0"/>
              <a:t>Fecha: 11.04.22</a:t>
            </a:r>
          </a:p>
          <a:p>
            <a:pPr marL="1371600" lvl="2" indent="-457200">
              <a:buFont typeface="+mj-lt"/>
              <a:buAutoNum type="alphaLcPeriod"/>
            </a:pPr>
            <a:r>
              <a:rPr lang="es-PE" sz="2400" dirty="0"/>
              <a:t>Seidor: Gestión con Preventa para presentación de estimación de mejora</a:t>
            </a:r>
          </a:p>
          <a:p>
            <a:pPr lvl="3"/>
            <a:r>
              <a:rPr lang="es-PE" sz="2400" dirty="0"/>
              <a:t>Fecha: Desde el 18.04.22</a:t>
            </a:r>
          </a:p>
          <a:p>
            <a:pPr lvl="3"/>
            <a:endParaRPr lang="es-PE" sz="2400" dirty="0"/>
          </a:p>
          <a:p>
            <a:pPr lvl="3"/>
            <a:endParaRPr lang="es-PE" sz="2400" dirty="0"/>
          </a:p>
          <a:p>
            <a:pPr lvl="3"/>
            <a:endParaRPr lang="es-PE" sz="2400" dirty="0"/>
          </a:p>
          <a:p>
            <a:pPr lvl="3"/>
            <a:endParaRPr lang="es-PE" sz="2400" dirty="0"/>
          </a:p>
        </p:txBody>
      </p:sp>
      <p:pic>
        <p:nvPicPr>
          <p:cNvPr id="6" name="Picture 2" descr="Nini Mayorista - Home | Facebook">
            <a:extLst>
              <a:ext uri="{FF2B5EF4-FFF2-40B4-BE49-F238E27FC236}">
                <a16:creationId xmlns:a16="http://schemas.microsoft.com/office/drawing/2014/main" xmlns="" id="{10BEF5EE-892A-45B2-98DD-69464C1AFB2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6079506" y="9044942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300718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6CADB9C1-3ABA-473E-A230-DDC6117ABF8A}"/>
              </a:ext>
            </a:extLst>
          </p:cNvPr>
          <p:cNvSpPr txBox="1"/>
          <p:nvPr/>
        </p:nvSpPr>
        <p:spPr>
          <a:xfrm>
            <a:off x="682962" y="141890"/>
            <a:ext cx="1408932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7200" dirty="0">
                <a:solidFill>
                  <a:srgbClr val="1A497A"/>
                </a:solidFill>
              </a:rPr>
              <a:t>Identificación de Riesgos &amp; Impacto</a:t>
            </a:r>
            <a:endParaRPr lang="es-PE" sz="2400" dirty="0">
              <a:solidFill>
                <a:srgbClr val="1A497A"/>
              </a:solidFill>
            </a:endParaRPr>
          </a:p>
        </p:txBody>
      </p:sp>
      <p:graphicFrame>
        <p:nvGraphicFramePr>
          <p:cNvPr id="3" name="Marcador de contenido 9">
            <a:extLst>
              <a:ext uri="{FF2B5EF4-FFF2-40B4-BE49-F238E27FC236}">
                <a16:creationId xmlns:a16="http://schemas.microsoft.com/office/drawing/2014/main" xmlns="" id="{7859C871-B5E5-4142-8742-9A5F3C4A888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370446979"/>
              </p:ext>
            </p:extLst>
          </p:nvPr>
        </p:nvGraphicFramePr>
        <p:xfrm>
          <a:off x="1003056" y="3829480"/>
          <a:ext cx="15692626" cy="497713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64222">
                  <a:extLst>
                    <a:ext uri="{9D8B030D-6E8A-4147-A177-3AD203B41FA5}">
                      <a16:colId xmlns:a16="http://schemas.microsoft.com/office/drawing/2014/main" xmlns="" val="3558063986"/>
                    </a:ext>
                  </a:extLst>
                </a:gridCol>
                <a:gridCol w="721311">
                  <a:extLst>
                    <a:ext uri="{9D8B030D-6E8A-4147-A177-3AD203B41FA5}">
                      <a16:colId xmlns:a16="http://schemas.microsoft.com/office/drawing/2014/main" xmlns="" val="506059656"/>
                    </a:ext>
                  </a:extLst>
                </a:gridCol>
                <a:gridCol w="1214178">
                  <a:extLst>
                    <a:ext uri="{9D8B030D-6E8A-4147-A177-3AD203B41FA5}">
                      <a16:colId xmlns:a16="http://schemas.microsoft.com/office/drawing/2014/main" xmlns="" val="673435711"/>
                    </a:ext>
                  </a:extLst>
                </a:gridCol>
                <a:gridCol w="4448461">
                  <a:extLst>
                    <a:ext uri="{9D8B030D-6E8A-4147-A177-3AD203B41FA5}">
                      <a16:colId xmlns:a16="http://schemas.microsoft.com/office/drawing/2014/main" xmlns="" val="1700820402"/>
                    </a:ext>
                  </a:extLst>
                </a:gridCol>
                <a:gridCol w="4973630">
                  <a:extLst>
                    <a:ext uri="{9D8B030D-6E8A-4147-A177-3AD203B41FA5}">
                      <a16:colId xmlns:a16="http://schemas.microsoft.com/office/drawing/2014/main" xmlns="" val="663766516"/>
                    </a:ext>
                  </a:extLst>
                </a:gridCol>
                <a:gridCol w="1935412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  <a:gridCol w="1935412">
                  <a:extLst>
                    <a:ext uri="{9D8B030D-6E8A-4147-A177-3AD203B41FA5}">
                      <a16:colId xmlns:a16="http://schemas.microsoft.com/office/drawing/2014/main" xmlns="" val="2656682441"/>
                    </a:ext>
                  </a:extLst>
                </a:gridCol>
              </a:tblGrid>
              <a:tr h="729568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chemeClr val="bg1"/>
                          </a:solidFill>
                          <a:effectLst/>
                          <a:latin typeface="Arial" panose="020B0604020202020204" pitchFamily="34" charset="0"/>
                        </a:rPr>
                        <a:t>N°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chemeClr val="bg1"/>
                          </a:solidFill>
                          <a:effectLst/>
                          <a:latin typeface="Arial" panose="020B0604020202020204" pitchFamily="34" charset="0"/>
                        </a:rPr>
                        <a:t>Cod.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chemeClr val="bg1"/>
                          </a:solidFill>
                          <a:effectLst/>
                          <a:latin typeface="Arial" panose="020B0604020202020204" pitchFamily="34" charset="0"/>
                        </a:rPr>
                        <a:t>Fase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chemeClr val="bg1"/>
                          </a:solidFill>
                          <a:effectLst/>
                          <a:latin typeface="Arial" panose="020B0604020202020204" pitchFamily="34" charset="0"/>
                        </a:rPr>
                        <a:t>Descripción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chemeClr val="bg1"/>
                          </a:solidFill>
                          <a:effectLst/>
                          <a:latin typeface="Arial" panose="020B0604020202020204" pitchFamily="34" charset="0"/>
                        </a:rPr>
                        <a:t>Plan de Mitigación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chemeClr val="bg1"/>
                          </a:solidFill>
                          <a:effectLst/>
                          <a:latin typeface="Arial" panose="020B0604020202020204" pitchFamily="34" charset="0"/>
                        </a:rPr>
                        <a:t>Responsable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chemeClr val="bg1"/>
                          </a:solidFill>
                          <a:effectLst/>
                          <a:latin typeface="Arial" panose="020B0604020202020204" pitchFamily="34" charset="0"/>
                        </a:rPr>
                        <a:t>Fecha de Ejecución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xmlns="" val="3362373211"/>
                  </a:ext>
                </a:extLst>
              </a:tr>
              <a:tr h="1064512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800" b="0" i="0" u="none" strike="noStrike" dirty="0">
                          <a:effectLst/>
                          <a:latin typeface="Calibri (Cuerpo)"/>
                        </a:rPr>
                        <a:t>1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effectLst/>
                          <a:latin typeface="Calibri (Cuerpo)"/>
                        </a:rPr>
                        <a:t>RS01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8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ealización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indent="0">
                        <a:buNone/>
                      </a:pPr>
                      <a:r>
                        <a:rPr lang="es-PE" sz="1800" b="1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esgo</a:t>
                      </a:r>
                      <a:r>
                        <a:rPr lang="es-PE" sz="18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: No instalar el Certificado válido para la URL PO o avanzar con la solución temporal propuesta.</a:t>
                      </a:r>
                    </a:p>
                    <a:p>
                      <a:pPr marL="0" indent="0">
                        <a:buNone/>
                      </a:pPr>
                      <a:r>
                        <a:rPr lang="es-PE" sz="1800" b="1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secuencia</a:t>
                      </a:r>
                      <a:r>
                        <a:rPr lang="es-PE" sz="18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: Impacto en alargue fechas de Pruebas Integrales y retraso de Plan de Corte. 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400050" indent="-400050">
                        <a:buAutoNum type="romanLcParenBoth"/>
                      </a:pPr>
                      <a:r>
                        <a:rPr lang="es-PE" sz="1800" dirty="0"/>
                        <a:t>Instalación de Certificado SSL</a:t>
                      </a:r>
                      <a:r>
                        <a:rPr lang="es-PE" sz="1800" baseline="0" dirty="0"/>
                        <a:t>.</a:t>
                      </a:r>
                      <a:endParaRPr lang="es-PE" sz="1800" dirty="0"/>
                    </a:p>
                    <a:p>
                      <a:pPr marL="400050" indent="-400050">
                        <a:buAutoNum type="romanLcParenBoth"/>
                      </a:pPr>
                      <a:r>
                        <a:rPr lang="es-PE" sz="1800" dirty="0"/>
                        <a:t>Habilitar temporalmente acceso Http a la URL de PO.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s-P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 (Cuerpo)"/>
                          <a:ea typeface="+mn-ea"/>
                          <a:cs typeface="+mn-cs"/>
                        </a:rPr>
                        <a:t>NINI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s-PE" sz="1800" b="0" i="0" u="none" strike="noStrike" kern="1200" dirty="0">
                          <a:solidFill>
                            <a:srgbClr val="FF0000"/>
                          </a:solidFill>
                          <a:effectLst/>
                          <a:latin typeface="Calibri (Cuerpo)"/>
                          <a:ea typeface="+mn-ea"/>
                          <a:cs typeface="+mn-cs"/>
                        </a:rPr>
                        <a:t>PENDIENTE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xmlns="" val="3302307870"/>
                  </a:ext>
                </a:extLst>
              </a:tr>
              <a:tr h="866392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800" b="0" i="0" u="none" strike="noStrike" dirty="0">
                          <a:effectLst/>
                          <a:latin typeface="Calibri (Cuerpo)"/>
                        </a:rPr>
                        <a:t>2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effectLst/>
                          <a:latin typeface="Calibri (Cuerpo)"/>
                        </a:rPr>
                        <a:t>RS02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8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ealización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indent="0">
                        <a:buNone/>
                      </a:pPr>
                      <a:r>
                        <a:rPr lang="es-PE" sz="1800" b="1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esgo</a:t>
                      </a:r>
                      <a:r>
                        <a:rPr lang="es-PE" sz="18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: Observaciones con mayor demanda de tiempo para corrección o validación.</a:t>
                      </a:r>
                    </a:p>
                    <a:p>
                      <a:pPr marL="0" indent="0">
                        <a:buNone/>
                      </a:pPr>
                      <a:r>
                        <a:rPr lang="es-PE" sz="1800" b="1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secuencia</a:t>
                      </a:r>
                      <a:r>
                        <a:rPr lang="es-PE" sz="18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: Impacto en fecha de inicio de Plan de Corte 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400050" indent="-400050">
                        <a:buAutoNum type="romanLcParenBoth"/>
                      </a:pPr>
                      <a:r>
                        <a:rPr lang="es-PE" sz="1800" dirty="0"/>
                        <a:t>Evaluación de las Observaciones en complejidad y tiempo, y definir priorización</a:t>
                      </a:r>
                    </a:p>
                    <a:p>
                      <a:pPr marL="400050" indent="-400050">
                        <a:buAutoNum type="romanLcParenBoth"/>
                      </a:pPr>
                      <a:r>
                        <a:rPr lang="es-PE" sz="1800" dirty="0"/>
                        <a:t>Adicionar entre 1 a 2 Consultores para apoyar en la corrección de Observaciones complejas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s-P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 (Cuerpo)"/>
                          <a:ea typeface="+mn-ea"/>
                          <a:cs typeface="+mn-cs"/>
                        </a:rPr>
                        <a:t>SEIDOR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s-P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 (Cuerpo)"/>
                          <a:ea typeface="+mn-ea"/>
                          <a:cs typeface="+mn-cs"/>
                        </a:rPr>
                        <a:t>18.04.22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xmlns="" val="1367072485"/>
                  </a:ext>
                </a:extLst>
              </a:tr>
              <a:tr h="177869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800" b="0" i="0" u="none" strike="noStrike" dirty="0">
                          <a:effectLst/>
                          <a:latin typeface="Calibri (Cuerpo)"/>
                        </a:rPr>
                        <a:t>3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effectLst/>
                          <a:latin typeface="Calibri (Cuerpo)"/>
                        </a:rPr>
                        <a:t>RS03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8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trol de Cambios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indent="0">
                        <a:buNone/>
                      </a:pPr>
                      <a:r>
                        <a:rPr lang="es-PE" sz="1800" b="1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esgo</a:t>
                      </a:r>
                      <a:r>
                        <a:rPr lang="es-PE" sz="18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: Discrepancias en considerar como Control de Cambio las estimaciones.</a:t>
                      </a:r>
                    </a:p>
                    <a:p>
                      <a:pPr marL="0" indent="0">
                        <a:buNone/>
                      </a:pPr>
                      <a:r>
                        <a:rPr lang="es-PE" sz="1800" b="1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secuencia</a:t>
                      </a:r>
                      <a:r>
                        <a:rPr lang="es-PE" sz="18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: Impacto en Pruebas Integrales y Plan de Corte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400050" indent="-400050">
                        <a:buAutoNum type="romanLcParenBoth"/>
                      </a:pPr>
                      <a:r>
                        <a:rPr lang="es-PE" sz="1800" dirty="0"/>
                        <a:t>Evaluación Comercial entre Seidor y Nini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s-P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 (Cuerpo)"/>
                          <a:ea typeface="+mn-ea"/>
                          <a:cs typeface="+mn-cs"/>
                        </a:rPr>
                        <a:t>NINI</a:t>
                      </a:r>
                    </a:p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s-P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 (Cuerpo)"/>
                          <a:ea typeface="+mn-ea"/>
                          <a:cs typeface="+mn-cs"/>
                        </a:rPr>
                        <a:t>SEIDOR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s-P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 (Cuerpo)"/>
                          <a:ea typeface="+mn-ea"/>
                          <a:cs typeface="+mn-cs"/>
                        </a:rPr>
                        <a:t>Desde el 19.04.22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xmlns="" val="547330743"/>
                  </a:ext>
                </a:extLst>
              </a:tr>
            </a:tbl>
          </a:graphicData>
        </a:graphic>
      </p:graphicFrame>
      <p:pic>
        <p:nvPicPr>
          <p:cNvPr id="4" name="Imagen 3">
            <a:extLst>
              <a:ext uri="{FF2B5EF4-FFF2-40B4-BE49-F238E27FC236}">
                <a16:creationId xmlns:a16="http://schemas.microsoft.com/office/drawing/2014/main" xmlns="" id="{FF8A499C-69BE-49BA-A36C-2BEAB4E66B8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03056" y="1779271"/>
            <a:ext cx="7614375" cy="1929657"/>
          </a:xfrm>
          <a:prstGeom prst="rect">
            <a:avLst/>
          </a:prstGeom>
        </p:spPr>
      </p:pic>
      <p:graphicFrame>
        <p:nvGraphicFramePr>
          <p:cNvPr id="7" name="Tabla 6"/>
          <p:cNvGraphicFramePr>
            <a:graphicFrameLocks noGrp="1"/>
          </p:cNvGraphicFramePr>
          <p:nvPr/>
        </p:nvGraphicFramePr>
        <p:xfrm>
          <a:off x="9209690" y="1859144"/>
          <a:ext cx="7407168" cy="1861241"/>
        </p:xfrm>
        <a:graphic>
          <a:graphicData uri="http://schemas.openxmlformats.org/drawingml/2006/table">
            <a:tbl>
              <a:tblPr/>
              <a:tblGrid>
                <a:gridCol w="1420930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1141327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1141327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1420930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1141327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1141327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</a:tblGrid>
              <a:tr h="309556"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posición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0CECE"/>
                    </a:solidFill>
                  </a:tcPr>
                </a:tc>
                <a:tc gridSpan="5">
                  <a:txBody>
                    <a:bodyPr/>
                    <a:lstStyle/>
                    <a:p>
                      <a:pPr algn="ctr" fontAlgn="b"/>
                      <a:r>
                        <a:rPr lang="es-PE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babilidad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0CECE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P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P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P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PE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309556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mpacto</a:t>
                      </a:r>
                    </a:p>
                  </a:txBody>
                  <a:tcPr marL="7620" marR="7620" marT="762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0CEC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uy Alta</a:t>
                      </a:r>
                    </a:p>
                  </a:txBody>
                  <a:tcPr marL="7620" marR="7620" marT="762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0CEC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lta</a:t>
                      </a:r>
                    </a:p>
                  </a:txBody>
                  <a:tcPr marL="7620" marR="7620" marT="762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0CEC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dia</a:t>
                      </a:r>
                    </a:p>
                  </a:txBody>
                  <a:tcPr marL="7620" marR="7620" marT="762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0CEC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aja</a:t>
                      </a:r>
                    </a:p>
                  </a:txBody>
                  <a:tcPr marL="7620" marR="7620" marT="762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0CEC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uy Baja</a:t>
                      </a:r>
                    </a:p>
                  </a:txBody>
                  <a:tcPr marL="7620" marR="7620" marT="762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0CEC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611561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lto</a:t>
                      </a:r>
                    </a:p>
                  </a:txBody>
                  <a:tcPr marL="7620" marR="7620" marT="762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0CEC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s-PE" sz="2000" b="0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s-PE" sz="2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>
                          <a:solidFill>
                            <a:srgbClr val="92D05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309556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dio</a:t>
                      </a:r>
                    </a:p>
                  </a:txBody>
                  <a:tcPr marL="7620" marR="7620" marT="762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0CEC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>
                          <a:solidFill>
                            <a:srgbClr val="92D05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309556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ajo</a:t>
                      </a:r>
                    </a:p>
                  </a:txBody>
                  <a:tcPr marL="7620" marR="7620" marT="762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0CEC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>
                          <a:solidFill>
                            <a:srgbClr val="92D05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FF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</a:tbl>
          </a:graphicData>
        </a:graphic>
      </p:graphicFrame>
      <p:sp>
        <p:nvSpPr>
          <p:cNvPr id="8" name="Elipse 7"/>
          <p:cNvSpPr/>
          <p:nvPr/>
        </p:nvSpPr>
        <p:spPr>
          <a:xfrm>
            <a:off x="13164346" y="2529039"/>
            <a:ext cx="693683" cy="565535"/>
          </a:xfrm>
          <a:prstGeom prst="ellipse">
            <a:avLst/>
          </a:prstGeom>
          <a:solidFill>
            <a:schemeClr val="accent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PE" sz="1600" dirty="0"/>
              <a:t>RS1</a:t>
            </a:r>
            <a:endParaRPr lang="es-PE" dirty="0"/>
          </a:p>
        </p:txBody>
      </p:sp>
      <p:pic>
        <p:nvPicPr>
          <p:cNvPr id="10" name="Picture 2" descr="Nini Mayorista - Home | Facebook">
            <a:extLst>
              <a:ext uri="{FF2B5EF4-FFF2-40B4-BE49-F238E27FC236}">
                <a16:creationId xmlns:a16="http://schemas.microsoft.com/office/drawing/2014/main" xmlns="" id="{B98ED993-4F5E-4D7B-A5F1-D41BCC19A45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6868510" y="9550184"/>
            <a:ext cx="1419490" cy="7384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Elipse 8">
            <a:extLst>
              <a:ext uri="{FF2B5EF4-FFF2-40B4-BE49-F238E27FC236}">
                <a16:creationId xmlns:a16="http://schemas.microsoft.com/office/drawing/2014/main" xmlns="" id="{6A124067-7549-489D-AB67-07F437733E6E}"/>
              </a:ext>
            </a:extLst>
          </p:cNvPr>
          <p:cNvSpPr/>
          <p:nvPr/>
        </p:nvSpPr>
        <p:spPr>
          <a:xfrm>
            <a:off x="11678180" y="2737635"/>
            <a:ext cx="693683" cy="565535"/>
          </a:xfrm>
          <a:prstGeom prst="ellipse">
            <a:avLst/>
          </a:prstGeom>
          <a:solidFill>
            <a:schemeClr val="accent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PE" sz="1600" dirty="0"/>
              <a:t>RS2</a:t>
            </a:r>
            <a:endParaRPr lang="es-PE" dirty="0"/>
          </a:p>
        </p:txBody>
      </p:sp>
      <p:sp>
        <p:nvSpPr>
          <p:cNvPr id="11" name="Elipse 10">
            <a:extLst>
              <a:ext uri="{FF2B5EF4-FFF2-40B4-BE49-F238E27FC236}">
                <a16:creationId xmlns:a16="http://schemas.microsoft.com/office/drawing/2014/main" xmlns="" id="{0B1CD40B-8EB1-4265-995C-082DC805A24A}"/>
              </a:ext>
            </a:extLst>
          </p:cNvPr>
          <p:cNvSpPr/>
          <p:nvPr/>
        </p:nvSpPr>
        <p:spPr>
          <a:xfrm>
            <a:off x="12219591" y="2919020"/>
            <a:ext cx="693683" cy="565535"/>
          </a:xfrm>
          <a:prstGeom prst="ellipse">
            <a:avLst/>
          </a:prstGeom>
          <a:solidFill>
            <a:schemeClr val="accent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PE" sz="1600" dirty="0"/>
              <a:t>RS3</a:t>
            </a:r>
            <a:endParaRPr lang="es-PE" dirty="0"/>
          </a:p>
        </p:txBody>
      </p:sp>
    </p:spTree>
    <p:extLst>
      <p:ext uri="{BB962C8B-B14F-4D97-AF65-F5344CB8AC3E}">
        <p14:creationId xmlns:p14="http://schemas.microsoft.com/office/powerpoint/2010/main" val="42235704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1E8A175F-5B80-4249-B23B-191B6F488260}"/>
              </a:ext>
            </a:extLst>
          </p:cNvPr>
          <p:cNvSpPr txBox="1"/>
          <p:nvPr/>
        </p:nvSpPr>
        <p:spPr>
          <a:xfrm>
            <a:off x="761062" y="311365"/>
            <a:ext cx="13423392" cy="9694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5700" dirty="0">
                <a:solidFill>
                  <a:srgbClr val="1A497A"/>
                </a:solidFill>
              </a:rPr>
              <a:t>Siguientes Pasos</a:t>
            </a:r>
          </a:p>
        </p:txBody>
      </p:sp>
      <p:pic>
        <p:nvPicPr>
          <p:cNvPr id="5" name="Picture 2" descr="Nini Mayorista - Home | Facebook">
            <a:extLst>
              <a:ext uri="{FF2B5EF4-FFF2-40B4-BE49-F238E27FC236}">
                <a16:creationId xmlns:a16="http://schemas.microsoft.com/office/drawing/2014/main" xmlns="" id="{C382335C-0157-49E9-90AC-3CC51C4704A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1823033" y="323384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-246987" y="-2690"/>
            <a:ext cx="520700" cy="317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sz="2000" b="1">
                <a:solidFill>
                  <a:schemeClr val="dk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9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95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984843" y="3369835"/>
            <a:ext cx="0" cy="0"/>
          </a:xfrm>
          <a:prstGeom prst="rect">
            <a:avLst/>
          </a:prstGeom>
          <a:solidFill>
            <a:schemeClr val="accent5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96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1822938" y="375083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97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-237048" y="28089"/>
            <a:ext cx="499497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sz="1600" b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" name="Rectángulo 10">
            <a:extLst>
              <a:ext uri="{FF2B5EF4-FFF2-40B4-BE49-F238E27FC236}">
                <a16:creationId xmlns:a16="http://schemas.microsoft.com/office/drawing/2014/main" xmlns="" id="{4C3AAFE1-B918-4E18-838C-B73E2A0724D1}"/>
              </a:ext>
            </a:extLst>
          </p:cNvPr>
          <p:cNvSpPr/>
          <p:nvPr/>
        </p:nvSpPr>
        <p:spPr>
          <a:xfrm>
            <a:off x="951680" y="2120276"/>
            <a:ext cx="10661200" cy="5546759"/>
          </a:xfrm>
          <a:prstGeom prst="rect">
            <a:avLst/>
          </a:prstGeom>
          <a:solidFill>
            <a:srgbClr val="F9FCFF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" name="CuadroTexto 11">
            <a:extLst>
              <a:ext uri="{FF2B5EF4-FFF2-40B4-BE49-F238E27FC236}">
                <a16:creationId xmlns:a16="http://schemas.microsoft.com/office/drawing/2014/main" xmlns="" id="{1065F1B1-23CC-407C-8881-AD099076A7D7}"/>
              </a:ext>
            </a:extLst>
          </p:cNvPr>
          <p:cNvSpPr txBox="1"/>
          <p:nvPr/>
        </p:nvSpPr>
        <p:spPr>
          <a:xfrm>
            <a:off x="1141472" y="2404056"/>
            <a:ext cx="10105648" cy="526297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es-PE" sz="2800" dirty="0" smtClean="0"/>
              <a:t>Seidor/Nini: Cerrar Tareas pendiente de Integraciones</a:t>
            </a:r>
            <a:endParaRPr lang="es-PE" sz="2800" dirty="0"/>
          </a:p>
          <a:p>
            <a:pPr marL="514350" indent="-514350">
              <a:buFont typeface="+mj-lt"/>
              <a:buAutoNum type="arabicPeriod"/>
            </a:pPr>
            <a:endParaRPr lang="es-PE" sz="2800" dirty="0"/>
          </a:p>
          <a:p>
            <a:pPr marL="514350" indent="-514350">
              <a:buFont typeface="+mj-lt"/>
              <a:buAutoNum type="arabicPeriod"/>
            </a:pPr>
            <a:r>
              <a:rPr lang="es-PE" sz="2800" dirty="0" smtClean="0"/>
              <a:t>Seidor: </a:t>
            </a:r>
            <a:r>
              <a:rPr lang="es-PE" sz="2800" dirty="0" smtClean="0"/>
              <a:t>Corregir Observaciones de Plan de Pruebas</a:t>
            </a:r>
            <a:endParaRPr lang="es-PE" sz="2800" dirty="0"/>
          </a:p>
          <a:p>
            <a:pPr marL="514350" indent="-514350">
              <a:buFont typeface="+mj-lt"/>
              <a:buAutoNum type="arabicPeriod"/>
            </a:pPr>
            <a:endParaRPr lang="es-PE" sz="2800" dirty="0"/>
          </a:p>
          <a:p>
            <a:pPr marL="514350" indent="-514350">
              <a:buFont typeface="+mj-lt"/>
              <a:buAutoNum type="arabicPeriod"/>
            </a:pPr>
            <a:r>
              <a:rPr lang="es-PE" sz="2800" dirty="0" smtClean="0"/>
              <a:t>Seidor/Nini</a:t>
            </a:r>
            <a:r>
              <a:rPr lang="es-PE" sz="2800" dirty="0"/>
              <a:t>: </a:t>
            </a:r>
            <a:r>
              <a:rPr lang="es-PE" sz="2800" dirty="0" smtClean="0"/>
              <a:t>Cierre de Plan de Pruebas</a:t>
            </a:r>
            <a:endParaRPr lang="es-PE" sz="2800" dirty="0"/>
          </a:p>
          <a:p>
            <a:pPr marL="514350" indent="-514350">
              <a:buFont typeface="+mj-lt"/>
              <a:buAutoNum type="arabicPeriod"/>
            </a:pPr>
            <a:endParaRPr lang="es-PE" sz="2800" dirty="0"/>
          </a:p>
          <a:p>
            <a:pPr marL="514350" indent="-514350">
              <a:buFont typeface="+mj-lt"/>
              <a:buAutoNum type="arabicPeriod"/>
            </a:pPr>
            <a:r>
              <a:rPr lang="es-PE" sz="2800" dirty="0" smtClean="0"/>
              <a:t>Seidor/Nini: Cerrar Control de Cambios</a:t>
            </a:r>
          </a:p>
          <a:p>
            <a:pPr marL="514350" indent="-514350">
              <a:buFont typeface="+mj-lt"/>
              <a:buAutoNum type="arabicPeriod"/>
            </a:pPr>
            <a:endParaRPr lang="es-PE" sz="2800" dirty="0" smtClean="0"/>
          </a:p>
          <a:p>
            <a:pPr marL="514350" indent="-514350">
              <a:buFont typeface="+mj-lt"/>
              <a:buAutoNum type="arabicPeriod"/>
            </a:pPr>
            <a:r>
              <a:rPr lang="es-PE" sz="2800" dirty="0" smtClean="0"/>
              <a:t>Escalamiento </a:t>
            </a:r>
            <a:r>
              <a:rPr lang="es-PE" sz="2800" dirty="0"/>
              <a:t>inmediato ante situaciones de riesgo</a:t>
            </a:r>
          </a:p>
          <a:p>
            <a:pPr marL="514350" indent="-514350">
              <a:buFont typeface="+mj-lt"/>
              <a:buAutoNum type="arabicPeriod"/>
            </a:pPr>
            <a:endParaRPr lang="es-PE" sz="2800" dirty="0"/>
          </a:p>
          <a:p>
            <a:pPr marL="514350" indent="-514350">
              <a:buFont typeface="+mj-lt"/>
              <a:buAutoNum type="arabicPeriod"/>
            </a:pPr>
            <a:r>
              <a:rPr lang="es-PE" sz="2800" dirty="0"/>
              <a:t>Alineamiento en mantener el Alcance acordado</a:t>
            </a:r>
          </a:p>
          <a:p>
            <a:pPr marL="514350" indent="-514350">
              <a:buFont typeface="+mj-lt"/>
              <a:buAutoNum type="arabicPeriod"/>
            </a:pPr>
            <a:endParaRPr lang="es-PE" sz="2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713443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2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1E8A175F-5B80-4249-B23B-191B6F488260}"/>
              </a:ext>
            </a:extLst>
          </p:cNvPr>
          <p:cNvSpPr txBox="1"/>
          <p:nvPr/>
        </p:nvSpPr>
        <p:spPr>
          <a:xfrm>
            <a:off x="761062" y="311365"/>
            <a:ext cx="13423392" cy="9694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5700" dirty="0">
                <a:solidFill>
                  <a:srgbClr val="1A497A"/>
                </a:solidFill>
              </a:rPr>
              <a:t>Acuerdos &amp; Compromisos</a:t>
            </a:r>
          </a:p>
        </p:txBody>
      </p:sp>
      <p:sp>
        <p:nvSpPr>
          <p:cNvPr id="3" name="Rectángulo 2">
            <a:extLst>
              <a:ext uri="{FF2B5EF4-FFF2-40B4-BE49-F238E27FC236}">
                <a16:creationId xmlns:a16="http://schemas.microsoft.com/office/drawing/2014/main" xmlns="" id="{C85D59CE-FE47-4D19-99CD-1CDE6589AF80}"/>
              </a:ext>
            </a:extLst>
          </p:cNvPr>
          <p:cNvSpPr/>
          <p:nvPr/>
        </p:nvSpPr>
        <p:spPr>
          <a:xfrm>
            <a:off x="1393114" y="2451352"/>
            <a:ext cx="15656929" cy="6481633"/>
          </a:xfrm>
          <a:prstGeom prst="rect">
            <a:avLst/>
          </a:prstGeom>
          <a:solidFill>
            <a:srgbClr val="F9FCFF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 sz="1600"/>
          </a:p>
        </p:txBody>
      </p:sp>
      <p:sp>
        <p:nvSpPr>
          <p:cNvPr id="4" name="CuadroTexto 3">
            <a:extLst>
              <a:ext uri="{FF2B5EF4-FFF2-40B4-BE49-F238E27FC236}">
                <a16:creationId xmlns:a16="http://schemas.microsoft.com/office/drawing/2014/main" xmlns="" id="{E2617DC5-47E9-49A6-9662-D313D76B4537}"/>
              </a:ext>
            </a:extLst>
          </p:cNvPr>
          <p:cNvSpPr txBox="1"/>
          <p:nvPr/>
        </p:nvSpPr>
        <p:spPr>
          <a:xfrm>
            <a:off x="1600331" y="2732705"/>
            <a:ext cx="14408704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2000" b="1" dirty="0"/>
              <a:t>Registramos nuestros Acuerdos y formalizamos nuestros Compromisos</a:t>
            </a:r>
          </a:p>
          <a:p>
            <a:endParaRPr lang="es-PE" sz="2000" b="1" dirty="0"/>
          </a:p>
          <a:p>
            <a:pPr marL="457200" indent="-457200">
              <a:buAutoNum type="arabicPeriod"/>
            </a:pPr>
            <a:r>
              <a:rPr lang="es-PE" sz="2000" dirty="0"/>
              <a:t>..</a:t>
            </a:r>
          </a:p>
          <a:p>
            <a:pPr marL="457200" indent="-457200">
              <a:buAutoNum type="arabicPeriod"/>
            </a:pPr>
            <a:r>
              <a:rPr lang="es-PE" sz="2000" dirty="0"/>
              <a:t>..</a:t>
            </a:r>
          </a:p>
          <a:p>
            <a:pPr marL="457200" indent="-457200">
              <a:buAutoNum type="arabicPeriod"/>
            </a:pPr>
            <a:r>
              <a:rPr lang="es-PE" sz="2000" dirty="0"/>
              <a:t>…</a:t>
            </a:r>
          </a:p>
        </p:txBody>
      </p:sp>
      <p:pic>
        <p:nvPicPr>
          <p:cNvPr id="5" name="Picture 2" descr="Nini Mayorista - Home | Facebook">
            <a:extLst>
              <a:ext uri="{FF2B5EF4-FFF2-40B4-BE49-F238E27FC236}">
                <a16:creationId xmlns:a16="http://schemas.microsoft.com/office/drawing/2014/main" xmlns="" id="{B9FE1339-0F0A-4D0E-B667-5A1578B52A1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1823033" y="323384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5534581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64A5649B-1AB3-4646-A339-AD9A44DA8BC6}"/>
              </a:ext>
            </a:extLst>
          </p:cNvPr>
          <p:cNvSpPr txBox="1"/>
          <p:nvPr/>
        </p:nvSpPr>
        <p:spPr>
          <a:xfrm>
            <a:off x="5184648" y="3820855"/>
            <a:ext cx="7918704" cy="26468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PE" sz="16600" dirty="0">
                <a:solidFill>
                  <a:srgbClr val="8AACCA"/>
                </a:solidFill>
              </a:rPr>
              <a:t>Q&amp;A</a:t>
            </a:r>
            <a:endParaRPr lang="es-PE" sz="4800" dirty="0">
              <a:solidFill>
                <a:srgbClr val="8AAC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17760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25E803A7-984D-4E1D-BACC-5602CD44FEF6}"/>
              </a:ext>
            </a:extLst>
          </p:cNvPr>
          <p:cNvSpPr txBox="1"/>
          <p:nvPr/>
        </p:nvSpPr>
        <p:spPr>
          <a:xfrm>
            <a:off x="923544" y="137160"/>
            <a:ext cx="791870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7200" dirty="0">
                <a:solidFill>
                  <a:srgbClr val="1A497A"/>
                </a:solidFill>
              </a:rPr>
              <a:t>Índice</a:t>
            </a:r>
            <a:endParaRPr lang="es-PE" sz="2400" dirty="0">
              <a:solidFill>
                <a:srgbClr val="1A497A"/>
              </a:solidFill>
            </a:endParaRPr>
          </a:p>
        </p:txBody>
      </p:sp>
      <p:sp>
        <p:nvSpPr>
          <p:cNvPr id="3" name="CuadroTexto 2">
            <a:extLst>
              <a:ext uri="{FF2B5EF4-FFF2-40B4-BE49-F238E27FC236}">
                <a16:creationId xmlns:a16="http://schemas.microsoft.com/office/drawing/2014/main" xmlns="" id="{16A94EE5-33CD-45DC-ADB8-167B960004DA}"/>
              </a:ext>
            </a:extLst>
          </p:cNvPr>
          <p:cNvSpPr txBox="1"/>
          <p:nvPr/>
        </p:nvSpPr>
        <p:spPr>
          <a:xfrm>
            <a:off x="1924226" y="2915763"/>
            <a:ext cx="1304544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143000" indent="-1143000">
              <a:buClr>
                <a:srgbClr val="369FD4"/>
              </a:buClr>
              <a:buFont typeface="+mj-lt"/>
              <a:buAutoNum type="arabicPeriod"/>
            </a:pPr>
            <a:r>
              <a:rPr lang="es-ES" sz="5400" dirty="0" smtClean="0">
                <a:solidFill>
                  <a:srgbClr val="1A497A"/>
                </a:solidFill>
              </a:rPr>
              <a:t>Timeline Anterior vs Actual</a:t>
            </a:r>
            <a:endParaRPr lang="es-PE" sz="5400" dirty="0">
              <a:solidFill>
                <a:srgbClr val="1A497A"/>
              </a:solidFill>
            </a:endParaRPr>
          </a:p>
        </p:txBody>
      </p:sp>
      <p:sp>
        <p:nvSpPr>
          <p:cNvPr id="4" name="CuadroTexto 3">
            <a:extLst>
              <a:ext uri="{FF2B5EF4-FFF2-40B4-BE49-F238E27FC236}">
                <a16:creationId xmlns:a16="http://schemas.microsoft.com/office/drawing/2014/main" xmlns="" id="{3B50F68B-564F-4AA9-8362-FF913FCE7268}"/>
              </a:ext>
            </a:extLst>
          </p:cNvPr>
          <p:cNvSpPr txBox="1"/>
          <p:nvPr/>
        </p:nvSpPr>
        <p:spPr>
          <a:xfrm>
            <a:off x="1924226" y="3834025"/>
            <a:ext cx="1196058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143000" indent="-1143000">
              <a:buClr>
                <a:srgbClr val="369FD4"/>
              </a:buClr>
              <a:buFont typeface="+mj-lt"/>
              <a:buAutoNum type="arabicPeriod" startAt="2"/>
            </a:pPr>
            <a:r>
              <a:rPr lang="es-ES" sz="5400" dirty="0">
                <a:solidFill>
                  <a:srgbClr val="1A497A"/>
                </a:solidFill>
              </a:rPr>
              <a:t>Estatus Actividades del Plan</a:t>
            </a:r>
            <a:endParaRPr lang="es-PE" sz="5400" dirty="0">
              <a:solidFill>
                <a:srgbClr val="1A497A"/>
              </a:solidFill>
            </a:endParaRPr>
          </a:p>
        </p:txBody>
      </p:sp>
      <p:sp>
        <p:nvSpPr>
          <p:cNvPr id="5" name="CuadroTexto 4">
            <a:extLst>
              <a:ext uri="{FF2B5EF4-FFF2-40B4-BE49-F238E27FC236}">
                <a16:creationId xmlns:a16="http://schemas.microsoft.com/office/drawing/2014/main" xmlns="" id="{6EF78644-B068-442D-B06A-7D5C2839B7DB}"/>
              </a:ext>
            </a:extLst>
          </p:cNvPr>
          <p:cNvSpPr txBox="1"/>
          <p:nvPr/>
        </p:nvSpPr>
        <p:spPr>
          <a:xfrm>
            <a:off x="1924226" y="5670549"/>
            <a:ext cx="1196058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143000" indent="-1143000">
              <a:buClr>
                <a:srgbClr val="369FD4"/>
              </a:buClr>
              <a:buFont typeface="+mj-lt"/>
              <a:buAutoNum type="arabicPeriod" startAt="4"/>
            </a:pPr>
            <a:r>
              <a:rPr lang="es-ES" sz="5400" dirty="0" smtClean="0">
                <a:solidFill>
                  <a:srgbClr val="1A497A"/>
                </a:solidFill>
              </a:rPr>
              <a:t>Riesgos e Impacto</a:t>
            </a:r>
            <a:endParaRPr lang="es-PE" sz="5400" dirty="0">
              <a:solidFill>
                <a:srgbClr val="1A497A"/>
              </a:solidFill>
            </a:endParaRPr>
          </a:p>
        </p:txBody>
      </p:sp>
      <p:sp>
        <p:nvSpPr>
          <p:cNvPr id="6" name="CuadroTexto 5">
            <a:extLst>
              <a:ext uri="{FF2B5EF4-FFF2-40B4-BE49-F238E27FC236}">
                <a16:creationId xmlns:a16="http://schemas.microsoft.com/office/drawing/2014/main" xmlns="" id="{42256E06-986F-4276-9144-59497AE12D82}"/>
              </a:ext>
            </a:extLst>
          </p:cNvPr>
          <p:cNvSpPr txBox="1"/>
          <p:nvPr/>
        </p:nvSpPr>
        <p:spPr>
          <a:xfrm>
            <a:off x="1924226" y="4752287"/>
            <a:ext cx="1172143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143000" indent="-1143000">
              <a:buClr>
                <a:srgbClr val="369FD4"/>
              </a:buClr>
              <a:buFont typeface="+mj-lt"/>
              <a:buAutoNum type="arabicPeriod" startAt="3"/>
            </a:pPr>
            <a:r>
              <a:rPr lang="es-PE" sz="5400" dirty="0" smtClean="0">
                <a:solidFill>
                  <a:srgbClr val="1A497A"/>
                </a:solidFill>
              </a:rPr>
              <a:t>Solitudes Nini</a:t>
            </a:r>
            <a:endParaRPr lang="es-PE" sz="5400" dirty="0">
              <a:solidFill>
                <a:srgbClr val="1A497A"/>
              </a:solidFill>
            </a:endParaRPr>
          </a:p>
        </p:txBody>
      </p:sp>
      <p:pic>
        <p:nvPicPr>
          <p:cNvPr id="8" name="Picture 2" descr="Nini Mayorista - Home | Facebook">
            <a:extLst>
              <a:ext uri="{FF2B5EF4-FFF2-40B4-BE49-F238E27FC236}">
                <a16:creationId xmlns:a16="http://schemas.microsoft.com/office/drawing/2014/main" xmlns="" id="{3BBB2BC2-B8C1-404D-AC4D-6855C8D1C7D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1823033" y="323384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CuadroTexto 8">
            <a:extLst>
              <a:ext uri="{FF2B5EF4-FFF2-40B4-BE49-F238E27FC236}">
                <a16:creationId xmlns:a16="http://schemas.microsoft.com/office/drawing/2014/main" xmlns="" id="{02D4D6C4-A1CD-4E6E-B1ED-7A71EA7F84AA}"/>
              </a:ext>
            </a:extLst>
          </p:cNvPr>
          <p:cNvSpPr txBox="1"/>
          <p:nvPr/>
        </p:nvSpPr>
        <p:spPr>
          <a:xfrm>
            <a:off x="1924226" y="6588811"/>
            <a:ext cx="1196058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143000" indent="-1143000">
              <a:buClr>
                <a:srgbClr val="369FD4"/>
              </a:buClr>
              <a:buFont typeface="+mj-lt"/>
              <a:buAutoNum type="arabicPeriod" startAt="5"/>
            </a:pPr>
            <a:r>
              <a:rPr lang="es-ES" sz="5400" dirty="0">
                <a:solidFill>
                  <a:srgbClr val="1A497A"/>
                </a:solidFill>
              </a:rPr>
              <a:t>Siguientes Pasos</a:t>
            </a:r>
            <a:endParaRPr lang="es-PE" sz="5400" dirty="0">
              <a:solidFill>
                <a:srgbClr val="1A497A"/>
              </a:solidFill>
            </a:endParaRPr>
          </a:p>
        </p:txBody>
      </p:sp>
      <p:sp>
        <p:nvSpPr>
          <p:cNvPr id="10" name="CuadroTexto 9">
            <a:extLst>
              <a:ext uri="{FF2B5EF4-FFF2-40B4-BE49-F238E27FC236}">
                <a16:creationId xmlns:a16="http://schemas.microsoft.com/office/drawing/2014/main" xmlns="" id="{3BBE7BB6-5E39-4768-980C-1ECD676BF5CE}"/>
              </a:ext>
            </a:extLst>
          </p:cNvPr>
          <p:cNvSpPr txBox="1"/>
          <p:nvPr/>
        </p:nvSpPr>
        <p:spPr>
          <a:xfrm>
            <a:off x="1924226" y="7502005"/>
            <a:ext cx="1196058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143000" indent="-1143000">
              <a:buClr>
                <a:srgbClr val="369FD4"/>
              </a:buClr>
              <a:buFont typeface="+mj-lt"/>
              <a:buAutoNum type="arabicPeriod" startAt="6"/>
            </a:pPr>
            <a:r>
              <a:rPr lang="es-ES" sz="5400" dirty="0">
                <a:solidFill>
                  <a:srgbClr val="1A497A"/>
                </a:solidFill>
              </a:rPr>
              <a:t>Q&amp;A</a:t>
            </a:r>
            <a:endParaRPr lang="es-PE" sz="5400" dirty="0">
              <a:solidFill>
                <a:srgbClr val="1A497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352750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ángulo 21"/>
          <p:cNvSpPr/>
          <p:nvPr/>
        </p:nvSpPr>
        <p:spPr>
          <a:xfrm>
            <a:off x="543589" y="4466260"/>
            <a:ext cx="17327016" cy="960891"/>
          </a:xfrm>
          <a:prstGeom prst="rect">
            <a:avLst/>
          </a:prstGeom>
          <a:solidFill>
            <a:schemeClr val="accent6">
              <a:lumMod val="20000"/>
              <a:lumOff val="80000"/>
              <a:alpha val="28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797180" y="3687627"/>
            <a:ext cx="498855" cy="3100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sz="2000" b="1" spc="-50">
                <a:solidFill>
                  <a:schemeClr val="dk1"/>
                </a:solidFill>
                <a:latin typeface="Calibri" panose="020F0502020204030204" pitchFamily="34" charset="0"/>
              </a:rPr>
              <a:t>2022</a:t>
            </a:r>
            <a:endParaRPr lang="es-PE" sz="2000" b="1" spc="-5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7507035" y="45603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34" name="OTLSHAPE_M_c4141af3ac38465cb53fcc7f7a4aa9f5_Connector1"/>
          <p:cNvCxnSpPr/>
          <p:nvPr>
            <p:custDataLst>
              <p:tags r:id="rId4"/>
            </p:custDataLst>
          </p:nvPr>
        </p:nvCxnSpPr>
        <p:spPr>
          <a:xfrm>
            <a:off x="11612904" y="3108444"/>
            <a:ext cx="0" cy="54370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11a5fd20169a4e5aa0bed048dba08ff2_HorizontalConnector1"/>
          <p:cNvCxnSpPr/>
          <p:nvPr>
            <p:custDataLst>
              <p:tags r:id="rId5"/>
            </p:custDataLst>
          </p:nvPr>
        </p:nvCxnSpPr>
        <p:spPr>
          <a:xfrm>
            <a:off x="2156334" y="4751083"/>
            <a:ext cx="2866840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23c152327d314e958e11ca251f33fb49_HorizontalConnector1"/>
          <p:cNvCxnSpPr/>
          <p:nvPr>
            <p:custDataLst>
              <p:tags r:id="rId6"/>
            </p:custDataLst>
          </p:nvPr>
        </p:nvCxnSpPr>
        <p:spPr>
          <a:xfrm>
            <a:off x="2358687" y="5157483"/>
            <a:ext cx="515554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82d1b7aae77d41a2be14d69f5e501b1b_HorizontalConnector1"/>
          <p:cNvCxnSpPr/>
          <p:nvPr>
            <p:custDataLst>
              <p:tags r:id="rId7"/>
            </p:custDataLst>
          </p:nvPr>
        </p:nvCxnSpPr>
        <p:spPr>
          <a:xfrm>
            <a:off x="1653160" y="5728773"/>
            <a:ext cx="746246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23b42cadd9bc437fb739c68c62737c3a_HorizontalConnector1"/>
          <p:cNvCxnSpPr/>
          <p:nvPr>
            <p:custDataLst>
              <p:tags r:id="rId8"/>
            </p:custDataLst>
          </p:nvPr>
        </p:nvCxnSpPr>
        <p:spPr>
          <a:xfrm>
            <a:off x="1355980" y="6135173"/>
            <a:ext cx="1007276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M_46fae9b11a344fd7915b631d9e74babb_Connector1"/>
          <p:cNvCxnSpPr/>
          <p:nvPr>
            <p:custDataLst>
              <p:tags r:id="rId9"/>
            </p:custDataLst>
          </p:nvPr>
        </p:nvCxnSpPr>
        <p:spPr>
          <a:xfrm>
            <a:off x="9299781" y="3108444"/>
            <a:ext cx="0" cy="54370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M_c243ffc97c7746e9a108ff043b51412a_Connector1"/>
          <p:cNvCxnSpPr/>
          <p:nvPr>
            <p:custDataLst>
              <p:tags r:id="rId10"/>
            </p:custDataLst>
          </p:nvPr>
        </p:nvCxnSpPr>
        <p:spPr>
          <a:xfrm>
            <a:off x="16417082" y="2968913"/>
            <a:ext cx="0" cy="683239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04072b436b4048c09d492665495c5db4_Connector1"/>
          <p:cNvCxnSpPr/>
          <p:nvPr>
            <p:custDataLst>
              <p:tags r:id="rId11"/>
            </p:custDataLst>
          </p:nvPr>
        </p:nvCxnSpPr>
        <p:spPr>
          <a:xfrm>
            <a:off x="7698388" y="2516328"/>
            <a:ext cx="0" cy="1135824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1464523" y="3652152"/>
            <a:ext cx="16370300" cy="381000"/>
          </a:xfrm>
          <a:prstGeom prst="rect">
            <a:avLst/>
          </a:prstGeom>
          <a:gradFill flip="none" rotWithShape="1">
            <a:gsLst>
              <a:gs pos="0">
                <a:srgbClr val="737373"/>
              </a:gs>
              <a:gs pos="100000">
                <a:srgbClr val="737373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1464523" y="3652152"/>
            <a:ext cx="5245100" cy="381000"/>
          </a:xfrm>
          <a:prstGeom prst="rect">
            <a:avLst/>
          </a:prstGeom>
          <a:solidFill>
            <a:schemeClr val="accent5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6650776" y="403315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6458105" y="4160152"/>
            <a:ext cx="4953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sz="1600" b="1" spc="-2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s-PE" sz="1600" b="1" spc="-2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528023" y="3734130"/>
            <a:ext cx="29296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400" spc="-3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s-PE" sz="1400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7043931" y="3734130"/>
            <a:ext cx="25590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400" spc="-3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11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12381908" y="3734130"/>
            <a:ext cx="3175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400" spc="-32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114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6980429" y="3715652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12318405" y="3715652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TLSHAPE_T_11a5fd20169a4e5aa0bed048dba08ff2_Shape"/>
          <p:cNvSpPr/>
          <p:nvPr>
            <p:custDataLst>
              <p:tags r:id="rId21"/>
            </p:custDataLst>
          </p:nvPr>
        </p:nvSpPr>
        <p:spPr>
          <a:xfrm>
            <a:off x="5023174" y="4611383"/>
            <a:ext cx="2146300" cy="2794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4" name="OTLSHAPE_T_23c152327d314e958e11ca251f33fb49_Shape"/>
          <p:cNvSpPr/>
          <p:nvPr>
            <p:custDataLst>
              <p:tags r:id="rId22"/>
            </p:custDataLst>
          </p:nvPr>
        </p:nvSpPr>
        <p:spPr>
          <a:xfrm>
            <a:off x="7514229" y="5017783"/>
            <a:ext cx="1612900" cy="2794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3" name="OTLSHAPE_T_82d1b7aae77d41a2be14d69f5e501b1b_Shape"/>
          <p:cNvSpPr/>
          <p:nvPr>
            <p:custDataLst>
              <p:tags r:id="rId23"/>
            </p:custDataLst>
          </p:nvPr>
        </p:nvSpPr>
        <p:spPr>
          <a:xfrm>
            <a:off x="9115622" y="5589073"/>
            <a:ext cx="2324100" cy="279400"/>
          </a:xfrm>
          <a:prstGeom prst="roundRect">
            <a:avLst>
              <a:gd name="adj" fmla="val 100000"/>
            </a:avLst>
          </a:prstGeom>
          <a:solidFill>
            <a:srgbClr val="737373"/>
          </a:solidFill>
          <a:ln w="3048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3048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8" name="OTLSHAPE_T_23b42cadd9bc437fb739c68c62737c3a_Shape"/>
          <p:cNvSpPr/>
          <p:nvPr>
            <p:custDataLst>
              <p:tags r:id="rId24"/>
            </p:custDataLst>
          </p:nvPr>
        </p:nvSpPr>
        <p:spPr>
          <a:xfrm>
            <a:off x="11428745" y="5995473"/>
            <a:ext cx="4991100" cy="279400"/>
          </a:xfrm>
          <a:prstGeom prst="roundRect">
            <a:avLst>
              <a:gd name="adj" fmla="val 10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3" name="OTLSHAPE_T_11a5fd20169a4e5aa0bed048dba08ff2_ShapePercentage"/>
          <p:cNvSpPr/>
          <p:nvPr>
            <p:custDataLst>
              <p:tags r:id="rId25"/>
            </p:custDataLst>
          </p:nvPr>
        </p:nvSpPr>
        <p:spPr>
          <a:xfrm>
            <a:off x="5023174" y="4611383"/>
            <a:ext cx="19050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5" name="OTLSHAPE_T_23c152327d314e958e11ca251f33fb49_ShapePercentage"/>
          <p:cNvSpPr/>
          <p:nvPr>
            <p:custDataLst>
              <p:tags r:id="rId26"/>
            </p:custDataLst>
          </p:nvPr>
        </p:nvSpPr>
        <p:spPr>
          <a:xfrm>
            <a:off x="7514229" y="5017783"/>
            <a:ext cx="19050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4" name="OTLSHAPE_T_82d1b7aae77d41a2be14d69f5e501b1b_ShapePercentage" hidden="1"/>
          <p:cNvSpPr/>
          <p:nvPr>
            <p:custDataLst>
              <p:tags r:id="rId27"/>
            </p:custDataLst>
          </p:nvPr>
        </p:nvSpPr>
        <p:spPr>
          <a:xfrm>
            <a:off x="8635942" y="5081906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9" name="OTLSHAPE_T_23b42cadd9bc437fb739c68c62737c3a_ShapePercentage" hidden="1"/>
          <p:cNvSpPr/>
          <p:nvPr>
            <p:custDataLst>
              <p:tags r:id="rId28"/>
            </p:custDataLst>
          </p:nvPr>
        </p:nvSpPr>
        <p:spPr>
          <a:xfrm>
            <a:off x="10949065" y="5488306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1" name="OTLSHAPE_T_11a5fd20169a4e5aa0bed048dba08ff2_TextPercentage"/>
          <p:cNvSpPr txBox="1"/>
          <p:nvPr>
            <p:custDataLst>
              <p:tags r:id="rId29"/>
            </p:custDataLst>
          </p:nvPr>
        </p:nvSpPr>
        <p:spPr>
          <a:xfrm>
            <a:off x="5023174" y="4658055"/>
            <a:ext cx="19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200" spc="-28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  <a:endParaRPr lang="es-PE" sz="1200" spc="-2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11a5fd20169a4e5aa0bed048dba08ff2_StartDate" hidden="1"/>
          <p:cNvSpPr txBox="1"/>
          <p:nvPr>
            <p:custDataLst>
              <p:tags r:id="rId30"/>
            </p:custDataLst>
          </p:nvPr>
        </p:nvSpPr>
        <p:spPr>
          <a:xfrm>
            <a:off x="12700" y="-202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11a5fd20169a4e5aa0bed048dba08ff2_EndDate" hidden="1"/>
          <p:cNvSpPr txBox="1"/>
          <p:nvPr>
            <p:custDataLst>
              <p:tags r:id="rId31"/>
            </p:custDataLst>
          </p:nvPr>
        </p:nvSpPr>
        <p:spPr>
          <a:xfrm>
            <a:off x="12700" y="-202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11a5fd20169a4e5aa0bed048dba08ff2_JoinedDate"/>
          <p:cNvSpPr txBox="1"/>
          <p:nvPr>
            <p:custDataLst>
              <p:tags r:id="rId32"/>
            </p:custDataLst>
          </p:nvPr>
        </p:nvSpPr>
        <p:spPr>
          <a:xfrm>
            <a:off x="7209041" y="4658055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sz="1200" spc="-6">
                <a:solidFill>
                  <a:schemeClr val="dk1"/>
                </a:solidFill>
                <a:latin typeface="Calibri" panose="020F0502020204030204" pitchFamily="34" charset="0"/>
              </a:rPr>
              <a:t>Mar 21 - Apr 1</a:t>
            </a:r>
            <a:endParaRPr lang="es-PE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11a5fd20169a4e5aa0bed048dba08ff2_Duration" hidden="1"/>
          <p:cNvSpPr txBox="1"/>
          <p:nvPr>
            <p:custDataLst>
              <p:tags r:id="rId33"/>
            </p:custDataLst>
          </p:nvPr>
        </p:nvSpPr>
        <p:spPr>
          <a:xfrm>
            <a:off x="2187700" y="4916776"/>
            <a:ext cx="469900" cy="190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>
                <a:solidFill>
                  <a:schemeClr val="dk1"/>
                </a:solidFill>
                <a:latin typeface="Calibri" panose="020F0502020204030204" pitchFamily="34" charset="0"/>
              </a:rPr>
              <a:t>10 days</a:t>
            </a:r>
            <a:endParaRPr lang="es-PE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11a5fd20169a4e5aa0bed048dba08ff2_Title"/>
          <p:cNvSpPr txBox="1"/>
          <p:nvPr>
            <p:custDataLst>
              <p:tags r:id="rId34"/>
            </p:custDataLst>
          </p:nvPr>
        </p:nvSpPr>
        <p:spPr>
          <a:xfrm>
            <a:off x="606680" y="4611552"/>
            <a:ext cx="15621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b="1" spc="-12">
                <a:solidFill>
                  <a:schemeClr val="dk1"/>
                </a:solidFill>
                <a:latin typeface="Calibri" panose="020F0502020204030204" pitchFamily="34" charset="0"/>
              </a:rPr>
              <a:t>Implementación</a:t>
            </a:r>
            <a:endParaRPr lang="es-PE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23c152327d314e958e11ca251f33fb49_TextPercentage"/>
          <p:cNvSpPr txBox="1"/>
          <p:nvPr>
            <p:custDataLst>
              <p:tags r:id="rId35"/>
            </p:custDataLst>
          </p:nvPr>
        </p:nvSpPr>
        <p:spPr>
          <a:xfrm>
            <a:off x="7514229" y="5064455"/>
            <a:ext cx="19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200" spc="-28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  <a:endParaRPr lang="es-PE" sz="1200" spc="-2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23c152327d314e958e11ca251f33fb49_StartDate" hidden="1"/>
          <p:cNvSpPr txBox="1"/>
          <p:nvPr>
            <p:custDataLst>
              <p:tags r:id="rId36"/>
            </p:custDataLst>
          </p:nvPr>
        </p:nvSpPr>
        <p:spPr>
          <a:xfrm>
            <a:off x="12700" y="-202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23c152327d314e958e11ca251f33fb49_EndDate" hidden="1"/>
          <p:cNvSpPr txBox="1"/>
          <p:nvPr>
            <p:custDataLst>
              <p:tags r:id="rId37"/>
            </p:custDataLst>
          </p:nvPr>
        </p:nvSpPr>
        <p:spPr>
          <a:xfrm>
            <a:off x="12700" y="-202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23c152327d314e958e11ca251f33fb49_JoinedDate"/>
          <p:cNvSpPr txBox="1"/>
          <p:nvPr>
            <p:custDataLst>
              <p:tags r:id="rId38"/>
            </p:custDataLst>
          </p:nvPr>
        </p:nvSpPr>
        <p:spPr>
          <a:xfrm>
            <a:off x="9166299" y="5064455"/>
            <a:ext cx="86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sz="1200" spc="-6">
                <a:solidFill>
                  <a:schemeClr val="dk1"/>
                </a:solidFill>
                <a:latin typeface="Calibri" panose="020F0502020204030204" pitchFamily="34" charset="0"/>
              </a:rPr>
              <a:t>Apr 4 - Apr 12</a:t>
            </a:r>
            <a:endParaRPr lang="es-PE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23c152327d314e958e11ca251f33fb49_Duration" hidden="1"/>
          <p:cNvSpPr txBox="1"/>
          <p:nvPr>
            <p:custDataLst>
              <p:tags r:id="rId39"/>
            </p:custDataLst>
          </p:nvPr>
        </p:nvSpPr>
        <p:spPr>
          <a:xfrm>
            <a:off x="12567761" y="4669594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74" name="OTLSHAPE_T_23c152327d314e958e11ca251f33fb49_Title"/>
          <p:cNvSpPr txBox="1"/>
          <p:nvPr>
            <p:custDataLst>
              <p:tags r:id="rId40"/>
            </p:custDataLst>
          </p:nvPr>
        </p:nvSpPr>
        <p:spPr>
          <a:xfrm>
            <a:off x="606680" y="5017952"/>
            <a:ext cx="1752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b="1" spc="-10">
                <a:solidFill>
                  <a:schemeClr val="dk1"/>
                </a:solidFill>
                <a:latin typeface="Calibri" panose="020F0502020204030204" pitchFamily="34" charset="0"/>
              </a:rPr>
              <a:t>Pruebas Integrales</a:t>
            </a:r>
          </a:p>
        </p:txBody>
      </p:sp>
      <p:sp>
        <p:nvSpPr>
          <p:cNvPr id="85" name="OTLSHAPE_T_82d1b7aae77d41a2be14d69f5e501b1b_TextPercentage" hidden="1"/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82d1b7aae77d41a2be14d69f5e501b1b_StartDate" hidden="1"/>
          <p:cNvSpPr txBox="1"/>
          <p:nvPr>
            <p:custDataLst>
              <p:tags r:id="rId42"/>
            </p:custDataLst>
          </p:nvPr>
        </p:nvSpPr>
        <p:spPr>
          <a:xfrm>
            <a:off x="12700" y="-180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82d1b7aae77d41a2be14d69f5e501b1b_EndDate" hidden="1"/>
          <p:cNvSpPr txBox="1"/>
          <p:nvPr>
            <p:custDataLst>
              <p:tags r:id="rId43"/>
            </p:custDataLst>
          </p:nvPr>
        </p:nvSpPr>
        <p:spPr>
          <a:xfrm>
            <a:off x="12700" y="-180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82d1b7aae77d41a2be14d69f5e501b1b_JoinedDate"/>
          <p:cNvSpPr txBox="1"/>
          <p:nvPr>
            <p:custDataLst>
              <p:tags r:id="rId44"/>
            </p:custDataLst>
          </p:nvPr>
        </p:nvSpPr>
        <p:spPr>
          <a:xfrm>
            <a:off x="11479422" y="5635745"/>
            <a:ext cx="939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sz="1200" spc="-6">
                <a:solidFill>
                  <a:schemeClr val="dk1"/>
                </a:solidFill>
                <a:latin typeface="Calibri" panose="020F0502020204030204" pitchFamily="34" charset="0"/>
              </a:rPr>
              <a:t>Apr 13 - Apr 25</a:t>
            </a:r>
            <a:endParaRPr lang="es-PE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82d1b7aae77d41a2be14d69f5e501b1b_Duration" hidden="1"/>
          <p:cNvSpPr txBox="1"/>
          <p:nvPr>
            <p:custDataLst>
              <p:tags r:id="rId45"/>
            </p:custDataLst>
          </p:nvPr>
        </p:nvSpPr>
        <p:spPr>
          <a:xfrm>
            <a:off x="11203299" y="6224376"/>
            <a:ext cx="393700" cy="190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>
                <a:solidFill>
                  <a:schemeClr val="dk1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90" name="OTLSHAPE_T_82d1b7aae77d41a2be14d69f5e501b1b_Title"/>
          <p:cNvSpPr txBox="1"/>
          <p:nvPr>
            <p:custDataLst>
              <p:tags r:id="rId46"/>
            </p:custDataLst>
          </p:nvPr>
        </p:nvSpPr>
        <p:spPr>
          <a:xfrm>
            <a:off x="606680" y="5589242"/>
            <a:ext cx="10541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b="1" spc="-16">
                <a:solidFill>
                  <a:schemeClr val="dk1"/>
                </a:solidFill>
                <a:latin typeface="Calibri" panose="020F0502020204030204" pitchFamily="34" charset="0"/>
              </a:rPr>
              <a:t>Despliegue</a:t>
            </a:r>
          </a:p>
        </p:txBody>
      </p:sp>
      <p:sp>
        <p:nvSpPr>
          <p:cNvPr id="93" name="OTLSHAPE_T_23b42cadd9bc437fb739c68c62737c3a_TextPercentage" hidden="1"/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23b42cadd9bc437fb739c68c62737c3a_StartDate" hidden="1"/>
          <p:cNvSpPr txBox="1"/>
          <p:nvPr>
            <p:custDataLst>
              <p:tags r:id="rId48"/>
            </p:custDataLst>
          </p:nvPr>
        </p:nvSpPr>
        <p:spPr>
          <a:xfrm>
            <a:off x="12700" y="-180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23b42cadd9bc437fb739c68c62737c3a_EndDate" hidden="1"/>
          <p:cNvSpPr txBox="1"/>
          <p:nvPr>
            <p:custDataLst>
              <p:tags r:id="rId49"/>
            </p:custDataLst>
          </p:nvPr>
        </p:nvSpPr>
        <p:spPr>
          <a:xfrm>
            <a:off x="12700" y="-180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23b42cadd9bc437fb739c68c62737c3a_JoinedDate"/>
          <p:cNvSpPr txBox="1"/>
          <p:nvPr>
            <p:custDataLst>
              <p:tags r:id="rId50"/>
            </p:custDataLst>
          </p:nvPr>
        </p:nvSpPr>
        <p:spPr>
          <a:xfrm>
            <a:off x="16461532" y="6042145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sz="1200" spc="-6">
                <a:solidFill>
                  <a:schemeClr val="dk1"/>
                </a:solidFill>
                <a:latin typeface="Calibri" panose="020F0502020204030204" pitchFamily="34" charset="0"/>
              </a:rPr>
              <a:t>Apr 26 - May 23</a:t>
            </a:r>
            <a:endParaRPr lang="es-PE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3b42cadd9bc437fb739c68c62737c3a_Duration" hidden="1"/>
          <p:cNvSpPr txBox="1"/>
          <p:nvPr>
            <p:custDataLst>
              <p:tags r:id="rId51"/>
            </p:custDataLst>
          </p:nvPr>
        </p:nvSpPr>
        <p:spPr>
          <a:xfrm>
            <a:off x="13042920" y="6722076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>
                <a:solidFill>
                  <a:schemeClr val="dk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98" name="OTLSHAPE_T_23b42cadd9bc437fb739c68c62737c3a_Title"/>
          <p:cNvSpPr txBox="1"/>
          <p:nvPr>
            <p:custDataLst>
              <p:tags r:id="rId52"/>
            </p:custDataLst>
          </p:nvPr>
        </p:nvSpPr>
        <p:spPr>
          <a:xfrm>
            <a:off x="606680" y="5995642"/>
            <a:ext cx="7620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b="1" spc="-24">
                <a:solidFill>
                  <a:schemeClr val="dk1"/>
                </a:solidFill>
                <a:latin typeface="Calibri" panose="020F0502020204030204" pitchFamily="34" charset="0"/>
              </a:rPr>
              <a:t>Soporte</a:t>
            </a:r>
          </a:p>
        </p:txBody>
      </p:sp>
      <p:sp>
        <p:nvSpPr>
          <p:cNvPr id="110" name="OTLSHAPE_M_46fae9b11a344fd7915b631d9e74babb_Shape"/>
          <p:cNvSpPr/>
          <p:nvPr>
            <p:custDataLst>
              <p:tags r:id="rId53"/>
            </p:custDataLst>
          </p:nvPr>
        </p:nvSpPr>
        <p:spPr>
          <a:xfrm rot="16200000">
            <a:off x="9325181" y="3108444"/>
            <a:ext cx="228600" cy="228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8" name="OTLSHAPE_M_c4141af3ac38465cb53fcc7f7a4aa9f5_Shape"/>
          <p:cNvSpPr/>
          <p:nvPr>
            <p:custDataLst>
              <p:tags r:id="rId54"/>
            </p:custDataLst>
          </p:nvPr>
        </p:nvSpPr>
        <p:spPr>
          <a:xfrm rot="16200000">
            <a:off x="11638304" y="3108444"/>
            <a:ext cx="228600" cy="2286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1" name="OTLSHAPE_M_c243ffc97c7746e9a108ff043b51412a_Shape"/>
          <p:cNvSpPr/>
          <p:nvPr>
            <p:custDataLst>
              <p:tags r:id="rId55"/>
            </p:custDataLst>
          </p:nvPr>
        </p:nvSpPr>
        <p:spPr>
          <a:xfrm rot="16200000">
            <a:off x="16442482" y="2968913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5" name="OTLSHAPE_M_04072b436b4048c09d492665495c5db4_Shape"/>
          <p:cNvSpPr/>
          <p:nvPr>
            <p:custDataLst>
              <p:tags r:id="rId56"/>
            </p:custDataLst>
          </p:nvPr>
        </p:nvSpPr>
        <p:spPr>
          <a:xfrm rot="16200000">
            <a:off x="7723788" y="2516328"/>
            <a:ext cx="228600" cy="228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3" name="OTLSHAPE_M_46fae9b11a344fd7915b631d9e74babb_Title"/>
          <p:cNvSpPr txBox="1"/>
          <p:nvPr>
            <p:custDataLst>
              <p:tags r:id="rId57"/>
            </p:custDataLst>
          </p:nvPr>
        </p:nvSpPr>
        <p:spPr>
          <a:xfrm>
            <a:off x="9585531" y="2958436"/>
            <a:ext cx="1612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b="1" spc="-10">
                <a:solidFill>
                  <a:schemeClr val="dk1"/>
                </a:solidFill>
                <a:latin typeface="Calibri" panose="020F0502020204030204" pitchFamily="34" charset="0"/>
              </a:rPr>
              <a:t>Inicio Despliegue</a:t>
            </a:r>
          </a:p>
        </p:txBody>
      </p:sp>
      <p:sp>
        <p:nvSpPr>
          <p:cNvPr id="54" name="OTLSHAPE_M_46fae9b11a344fd7915b631d9e74babb_Date"/>
          <p:cNvSpPr txBox="1"/>
          <p:nvPr>
            <p:custDataLst>
              <p:tags r:id="rId58"/>
            </p:custDataLst>
          </p:nvPr>
        </p:nvSpPr>
        <p:spPr>
          <a:xfrm>
            <a:off x="9585531" y="3250197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6" name="OTLSHAPE_M_c4141af3ac38465cb53fcc7f7a4aa9f5_Title"/>
          <p:cNvSpPr txBox="1"/>
          <p:nvPr>
            <p:custDataLst>
              <p:tags r:id="rId59"/>
            </p:custDataLst>
          </p:nvPr>
        </p:nvSpPr>
        <p:spPr>
          <a:xfrm>
            <a:off x="11898654" y="2958436"/>
            <a:ext cx="6477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b="1" spc="-30">
                <a:solidFill>
                  <a:schemeClr val="dk1"/>
                </a:solidFill>
                <a:latin typeface="Calibri" panose="020F0502020204030204" pitchFamily="34" charset="0"/>
              </a:rPr>
              <a:t>GoLive</a:t>
            </a:r>
          </a:p>
        </p:txBody>
      </p:sp>
      <p:sp>
        <p:nvSpPr>
          <p:cNvPr id="57" name="OTLSHAPE_M_c4141af3ac38465cb53fcc7f7a4aa9f5_Date"/>
          <p:cNvSpPr txBox="1"/>
          <p:nvPr>
            <p:custDataLst>
              <p:tags r:id="rId60"/>
            </p:custDataLst>
          </p:nvPr>
        </p:nvSpPr>
        <p:spPr>
          <a:xfrm>
            <a:off x="11898654" y="3250197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s-PE" sz="1200" spc="-1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M_c243ffc97c7746e9a108ff043b51412a_Title"/>
          <p:cNvSpPr txBox="1"/>
          <p:nvPr>
            <p:custDataLst>
              <p:tags r:id="rId61"/>
            </p:custDataLst>
          </p:nvPr>
        </p:nvSpPr>
        <p:spPr>
          <a:xfrm>
            <a:off x="16702832" y="2679374"/>
            <a:ext cx="901700" cy="558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Cierre de </a:t>
            </a:r>
          </a:p>
          <a:p>
            <a:r>
              <a:rPr lang="es-PE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Proyecto</a:t>
            </a:r>
          </a:p>
        </p:txBody>
      </p:sp>
      <p:sp>
        <p:nvSpPr>
          <p:cNvPr id="120" name="OTLSHAPE_M_c243ffc97c7746e9a108ff043b51412a_Date"/>
          <p:cNvSpPr txBox="1"/>
          <p:nvPr>
            <p:custDataLst>
              <p:tags r:id="rId62"/>
            </p:custDataLst>
          </p:nvPr>
        </p:nvSpPr>
        <p:spPr>
          <a:xfrm>
            <a:off x="16702832" y="3250197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>
                <a:solidFill>
                  <a:schemeClr val="dk2"/>
                </a:solidFill>
                <a:latin typeface="Calibri" panose="020F0502020204030204" pitchFamily="34" charset="0"/>
              </a:rPr>
              <a:t>May 23</a:t>
            </a:r>
            <a:endParaRPr lang="es-PE" sz="1200" spc="-1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M_04072b436b4048c09d492665495c5db4_Title"/>
          <p:cNvSpPr txBox="1"/>
          <p:nvPr>
            <p:custDataLst>
              <p:tags r:id="rId63"/>
            </p:custDataLst>
          </p:nvPr>
        </p:nvSpPr>
        <p:spPr>
          <a:xfrm>
            <a:off x="7984138" y="2366319"/>
            <a:ext cx="23241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b="1" spc="-6">
                <a:solidFill>
                  <a:schemeClr val="dk1"/>
                </a:solidFill>
                <a:latin typeface="Calibri" panose="020F0502020204030204" pitchFamily="34" charset="0"/>
              </a:rPr>
              <a:t>Inicio Pruebas Integrales</a:t>
            </a:r>
          </a:p>
        </p:txBody>
      </p:sp>
      <p:sp>
        <p:nvSpPr>
          <p:cNvPr id="14" name="OTLSHAPE_M_04072b436b4048c09d492665495c5db4_Date"/>
          <p:cNvSpPr txBox="1"/>
          <p:nvPr>
            <p:custDataLst>
              <p:tags r:id="rId64"/>
            </p:custDataLst>
          </p:nvPr>
        </p:nvSpPr>
        <p:spPr>
          <a:xfrm>
            <a:off x="7984138" y="2658081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4">
                <a:solidFill>
                  <a:schemeClr val="dk2"/>
                </a:solidFill>
                <a:latin typeface="Calibri" panose="020F0502020204030204" pitchFamily="34" charset="0"/>
              </a:rPr>
              <a:t>Apr 4</a:t>
            </a:r>
          </a:p>
        </p:txBody>
      </p:sp>
      <p:sp>
        <p:nvSpPr>
          <p:cNvPr id="130" name="CuadroTexto 129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6" y="170688"/>
            <a:ext cx="1221638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7200" dirty="0" smtClean="0">
                <a:solidFill>
                  <a:srgbClr val="1A497A"/>
                </a:solidFill>
              </a:rPr>
              <a:t>Timeline Anterior</a:t>
            </a:r>
            <a:endParaRPr lang="es-PE" sz="2400" dirty="0">
              <a:solidFill>
                <a:srgbClr val="1A497A"/>
              </a:solidFill>
            </a:endParaRPr>
          </a:p>
        </p:txBody>
      </p:sp>
      <p:sp>
        <p:nvSpPr>
          <p:cNvPr id="23" name="CuadroTexto 22"/>
          <p:cNvSpPr txBox="1"/>
          <p:nvPr/>
        </p:nvSpPr>
        <p:spPr>
          <a:xfrm>
            <a:off x="16116525" y="4725103"/>
            <a:ext cx="20398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PE" b="1" dirty="0"/>
              <a:t>Commerce</a:t>
            </a:r>
          </a:p>
        </p:txBody>
      </p:sp>
      <p:pic>
        <p:nvPicPr>
          <p:cNvPr id="99" name="Picture 2" descr="Nini Mayorista - Home | Facebook">
            <a:extLst>
              <a:ext uri="{FF2B5EF4-FFF2-40B4-BE49-F238E27FC236}">
                <a16:creationId xmlns:a16="http://schemas.microsoft.com/office/drawing/2014/main" xmlns="" id="{C8620226-3F4C-4855-BB94-C9021AF6FD7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5896512" y="8996270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ángulo 10"/>
          <p:cNvSpPr/>
          <p:nvPr/>
        </p:nvSpPr>
        <p:spPr>
          <a:xfrm>
            <a:off x="11102465" y="2728594"/>
            <a:ext cx="2068045" cy="1100553"/>
          </a:xfrm>
          <a:prstGeom prst="rect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35228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ángulo 21"/>
          <p:cNvSpPr/>
          <p:nvPr/>
        </p:nvSpPr>
        <p:spPr>
          <a:xfrm>
            <a:off x="468648" y="4541204"/>
            <a:ext cx="17327016" cy="960891"/>
          </a:xfrm>
          <a:prstGeom prst="rect">
            <a:avLst/>
          </a:prstGeom>
          <a:solidFill>
            <a:schemeClr val="accent6">
              <a:lumMod val="20000"/>
              <a:lumOff val="80000"/>
              <a:alpha val="28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692259" y="3795051"/>
            <a:ext cx="498855" cy="3100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sz="2000" b="1" spc="-50">
                <a:solidFill>
                  <a:schemeClr val="dk1"/>
                </a:solidFill>
                <a:latin typeface="Calibri" panose="020F0502020204030204" pitchFamily="34" charset="0"/>
              </a:rPr>
              <a:t>2022</a:t>
            </a:r>
            <a:endParaRPr lang="es-PE" sz="2000" b="1" spc="-5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7507035" y="45603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34" name="OTLSHAPE_M_c4141af3ac38465cb53fcc7f7a4aa9f5_Connector1"/>
          <p:cNvCxnSpPr/>
          <p:nvPr>
            <p:custDataLst>
              <p:tags r:id="rId4"/>
            </p:custDataLst>
          </p:nvPr>
        </p:nvCxnSpPr>
        <p:spPr>
          <a:xfrm>
            <a:off x="10758363" y="3215868"/>
            <a:ext cx="0" cy="54370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11a5fd20169a4e5aa0bed048dba08ff2_HorizontalConnector1"/>
          <p:cNvCxnSpPr/>
          <p:nvPr>
            <p:custDataLst>
              <p:tags r:id="rId5"/>
            </p:custDataLst>
          </p:nvPr>
        </p:nvCxnSpPr>
        <p:spPr>
          <a:xfrm>
            <a:off x="2051414" y="4858507"/>
            <a:ext cx="1991761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23c152327d314e958e11ca251f33fb49_HorizontalConnector1"/>
          <p:cNvCxnSpPr/>
          <p:nvPr>
            <p:custDataLst>
              <p:tags r:id="rId6"/>
            </p:custDataLst>
          </p:nvPr>
        </p:nvCxnSpPr>
        <p:spPr>
          <a:xfrm>
            <a:off x="2253766" y="5264907"/>
            <a:ext cx="380208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82d1b7aae77d41a2be14d69f5e501b1b_HorizontalConnector1"/>
          <p:cNvCxnSpPr/>
          <p:nvPr>
            <p:custDataLst>
              <p:tags r:id="rId7"/>
            </p:custDataLst>
          </p:nvPr>
        </p:nvCxnSpPr>
        <p:spPr>
          <a:xfrm>
            <a:off x="1548239" y="5806217"/>
            <a:ext cx="759372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23b42cadd9bc437fb739c68c62737c3a_HorizontalConnector1"/>
          <p:cNvCxnSpPr/>
          <p:nvPr>
            <p:custDataLst>
              <p:tags r:id="rId8"/>
            </p:custDataLst>
          </p:nvPr>
        </p:nvCxnSpPr>
        <p:spPr>
          <a:xfrm>
            <a:off x="1251059" y="6212617"/>
            <a:ext cx="936686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M_46fae9b11a344fd7915b631d9e74babb_Connector1"/>
          <p:cNvCxnSpPr/>
          <p:nvPr>
            <p:custDataLst>
              <p:tags r:id="rId9"/>
            </p:custDataLst>
          </p:nvPr>
        </p:nvCxnSpPr>
        <p:spPr>
          <a:xfrm>
            <a:off x="9282398" y="2623752"/>
            <a:ext cx="0" cy="1135824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M_c243ffc97c7746e9a108ff043b51412a_Connector1"/>
          <p:cNvCxnSpPr/>
          <p:nvPr>
            <p:custDataLst>
              <p:tags r:id="rId10"/>
            </p:custDataLst>
          </p:nvPr>
        </p:nvCxnSpPr>
        <p:spPr>
          <a:xfrm>
            <a:off x="14112829" y="3076337"/>
            <a:ext cx="0" cy="683239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04072b436b4048c09d492665495c5db4_Connector1"/>
          <p:cNvCxnSpPr/>
          <p:nvPr>
            <p:custDataLst>
              <p:tags r:id="rId11"/>
            </p:custDataLst>
          </p:nvPr>
        </p:nvCxnSpPr>
        <p:spPr>
          <a:xfrm>
            <a:off x="6196289" y="3215868"/>
            <a:ext cx="0" cy="54370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1359602" y="3759576"/>
            <a:ext cx="16370300" cy="381000"/>
          </a:xfrm>
          <a:prstGeom prst="rect">
            <a:avLst/>
          </a:prstGeom>
          <a:gradFill flip="none" rotWithShape="1">
            <a:gsLst>
              <a:gs pos="0">
                <a:srgbClr val="737373"/>
              </a:gs>
              <a:gs pos="100000">
                <a:srgbClr val="737373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1359602" y="3759576"/>
            <a:ext cx="5842000" cy="381000"/>
          </a:xfrm>
          <a:prstGeom prst="rect">
            <a:avLst/>
          </a:prstGeom>
          <a:solidFill>
            <a:schemeClr val="accent5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7138685" y="4140576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6946014" y="4267576"/>
            <a:ext cx="4953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sz="1600" b="1" spc="-2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s-PE" sz="1600" b="1" spc="-2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423102" y="3841554"/>
            <a:ext cx="302968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400" spc="-3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s-PE" sz="1400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5582640" y="3841554"/>
            <a:ext cx="250518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400" spc="-3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11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9607999" y="3841554"/>
            <a:ext cx="3175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400" spc="-32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6" name="OTLSHAPE_TB_00000000000000000000000000000000_TimescaleInterval4"/>
          <p:cNvSpPr txBox="1"/>
          <p:nvPr>
            <p:custDataLst>
              <p:tags r:id="rId19"/>
            </p:custDataLst>
          </p:nvPr>
        </p:nvSpPr>
        <p:spPr>
          <a:xfrm>
            <a:off x="13767537" y="3841554"/>
            <a:ext cx="23686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400" spc="-30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s-PE" sz="1400" spc="-3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4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5519138" y="3823076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9544497" y="3823076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13704035" y="3823076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TLSHAPE_T_11a5fd20169a4e5aa0bed048dba08ff2_Shape"/>
          <p:cNvSpPr/>
          <p:nvPr>
            <p:custDataLst>
              <p:tags r:id="rId23"/>
            </p:custDataLst>
          </p:nvPr>
        </p:nvSpPr>
        <p:spPr>
          <a:xfrm>
            <a:off x="4043174" y="4718807"/>
            <a:ext cx="2019300" cy="2794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4" name="OTLSHAPE_T_23c152327d314e958e11ca251f33fb49_Shape"/>
          <p:cNvSpPr/>
          <p:nvPr>
            <p:custDataLst>
              <p:tags r:id="rId24"/>
            </p:custDataLst>
          </p:nvPr>
        </p:nvSpPr>
        <p:spPr>
          <a:xfrm>
            <a:off x="6055854" y="5125207"/>
            <a:ext cx="3086100" cy="2794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3" name="OTLSHAPE_T_82d1b7aae77d41a2be14d69f5e501b1b_Shape"/>
          <p:cNvSpPr/>
          <p:nvPr>
            <p:custDataLst>
              <p:tags r:id="rId25"/>
            </p:custDataLst>
          </p:nvPr>
        </p:nvSpPr>
        <p:spPr>
          <a:xfrm>
            <a:off x="9141963" y="5666517"/>
            <a:ext cx="1219200" cy="279400"/>
          </a:xfrm>
          <a:prstGeom prst="roundRect">
            <a:avLst>
              <a:gd name="adj" fmla="val 100000"/>
            </a:avLst>
          </a:prstGeom>
          <a:solidFill>
            <a:srgbClr val="737373"/>
          </a:solidFill>
          <a:ln w="3048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3048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8" name="OTLSHAPE_T_23b42cadd9bc437fb739c68c62737c3a_Shape"/>
          <p:cNvSpPr/>
          <p:nvPr>
            <p:custDataLst>
              <p:tags r:id="rId26"/>
            </p:custDataLst>
          </p:nvPr>
        </p:nvSpPr>
        <p:spPr>
          <a:xfrm>
            <a:off x="10617928" y="6072917"/>
            <a:ext cx="3492500" cy="279400"/>
          </a:xfrm>
          <a:prstGeom prst="roundRect">
            <a:avLst>
              <a:gd name="adj" fmla="val 10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3" name="OTLSHAPE_T_11a5fd20169a4e5aa0bed048dba08ff2_ShapePercentage"/>
          <p:cNvSpPr/>
          <p:nvPr>
            <p:custDataLst>
              <p:tags r:id="rId27"/>
            </p:custDataLst>
          </p:nvPr>
        </p:nvSpPr>
        <p:spPr>
          <a:xfrm>
            <a:off x="4043174" y="4718807"/>
            <a:ext cx="181610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5" name="OTLSHAPE_T_23c152327d314e958e11ca251f33fb49_ShapePercentage"/>
          <p:cNvSpPr/>
          <p:nvPr>
            <p:custDataLst>
              <p:tags r:id="rId28"/>
            </p:custDataLst>
          </p:nvPr>
        </p:nvSpPr>
        <p:spPr>
          <a:xfrm>
            <a:off x="6055854" y="5125207"/>
            <a:ext cx="154940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4" name="OTLSHAPE_T_82d1b7aae77d41a2be14d69f5e501b1b_ShapePercentage" hidden="1"/>
          <p:cNvSpPr/>
          <p:nvPr>
            <p:custDataLst>
              <p:tags r:id="rId29"/>
            </p:custDataLst>
          </p:nvPr>
        </p:nvSpPr>
        <p:spPr>
          <a:xfrm>
            <a:off x="8767204" y="5081906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9" name="OTLSHAPE_T_23b42cadd9bc437fb739c68c62737c3a_ShapePercentage" hidden="1"/>
          <p:cNvSpPr/>
          <p:nvPr>
            <p:custDataLst>
              <p:tags r:id="rId30"/>
            </p:custDataLst>
          </p:nvPr>
        </p:nvSpPr>
        <p:spPr>
          <a:xfrm>
            <a:off x="10243169" y="5488306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1" name="OTLSHAPE_T_11a5fd20169a4e5aa0bed048dba08ff2_TextPercentage"/>
          <p:cNvSpPr txBox="1"/>
          <p:nvPr>
            <p:custDataLst>
              <p:tags r:id="rId31"/>
            </p:custDataLst>
          </p:nvPr>
        </p:nvSpPr>
        <p:spPr>
          <a:xfrm>
            <a:off x="5591062" y="4765479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200" spc="-24" smtClean="0">
                <a:solidFill>
                  <a:schemeClr val="lt1"/>
                </a:solidFill>
                <a:latin typeface="Calibri" panose="020F0502020204030204" pitchFamily="34" charset="0"/>
              </a:rPr>
              <a:t>90%</a:t>
            </a:r>
            <a:endParaRPr lang="es-PE" sz="1200" spc="-2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11a5fd20169a4e5aa0bed048dba08ff2_StartDate" hidden="1"/>
          <p:cNvSpPr txBox="1"/>
          <p:nvPr>
            <p:custDataLst>
              <p:tags r:id="rId32"/>
            </p:custDataLst>
          </p:nvPr>
        </p:nvSpPr>
        <p:spPr>
          <a:xfrm>
            <a:off x="12700" y="-202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11a5fd20169a4e5aa0bed048dba08ff2_EndDate" hidden="1"/>
          <p:cNvSpPr txBox="1"/>
          <p:nvPr>
            <p:custDataLst>
              <p:tags r:id="rId33"/>
            </p:custDataLst>
          </p:nvPr>
        </p:nvSpPr>
        <p:spPr>
          <a:xfrm>
            <a:off x="12700" y="-202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11a5fd20169a4e5aa0bed048dba08ff2_JoinedDate"/>
          <p:cNvSpPr txBox="1"/>
          <p:nvPr>
            <p:custDataLst>
              <p:tags r:id="rId34"/>
            </p:custDataLst>
          </p:nvPr>
        </p:nvSpPr>
        <p:spPr>
          <a:xfrm>
            <a:off x="6106561" y="4765479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Mar 21 - Apr 4</a:t>
            </a:r>
            <a:endParaRPr lang="es-PE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11a5fd20169a4e5aa0bed048dba08ff2_Duration" hidden="1"/>
          <p:cNvSpPr txBox="1"/>
          <p:nvPr>
            <p:custDataLst>
              <p:tags r:id="rId35"/>
            </p:custDataLst>
          </p:nvPr>
        </p:nvSpPr>
        <p:spPr>
          <a:xfrm>
            <a:off x="2187700" y="4916776"/>
            <a:ext cx="469900" cy="190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11 days</a:t>
            </a:r>
            <a:endParaRPr lang="es-PE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11a5fd20169a4e5aa0bed048dba08ff2_Title"/>
          <p:cNvSpPr txBox="1"/>
          <p:nvPr>
            <p:custDataLst>
              <p:tags r:id="rId36"/>
            </p:custDataLst>
          </p:nvPr>
        </p:nvSpPr>
        <p:spPr>
          <a:xfrm>
            <a:off x="501759" y="4718976"/>
            <a:ext cx="15621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b="1" spc="-12">
                <a:solidFill>
                  <a:schemeClr val="dk1"/>
                </a:solidFill>
                <a:latin typeface="Calibri" panose="020F0502020204030204" pitchFamily="34" charset="0"/>
              </a:rPr>
              <a:t>Implementación</a:t>
            </a:r>
            <a:endParaRPr lang="es-PE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23c152327d314e958e11ca251f33fb49_TextPercentage"/>
          <p:cNvSpPr txBox="1"/>
          <p:nvPr>
            <p:custDataLst>
              <p:tags r:id="rId37"/>
            </p:custDataLst>
          </p:nvPr>
        </p:nvSpPr>
        <p:spPr>
          <a:xfrm>
            <a:off x="7335421" y="5171879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200" spc="-24" smtClean="0">
                <a:solidFill>
                  <a:schemeClr val="lt1"/>
                </a:solidFill>
                <a:latin typeface="Calibri" panose="020F0502020204030204" pitchFamily="34" charset="0"/>
              </a:rPr>
              <a:t>50%</a:t>
            </a:r>
            <a:endParaRPr lang="es-PE" sz="1200" spc="-2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23c152327d314e958e11ca251f33fb49_StartDate" hidden="1"/>
          <p:cNvSpPr txBox="1"/>
          <p:nvPr>
            <p:custDataLst>
              <p:tags r:id="rId38"/>
            </p:custDataLst>
          </p:nvPr>
        </p:nvSpPr>
        <p:spPr>
          <a:xfrm>
            <a:off x="12700" y="-202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23c152327d314e958e11ca251f33fb49_EndDate" hidden="1"/>
          <p:cNvSpPr txBox="1"/>
          <p:nvPr>
            <p:custDataLst>
              <p:tags r:id="rId39"/>
            </p:custDataLst>
          </p:nvPr>
        </p:nvSpPr>
        <p:spPr>
          <a:xfrm>
            <a:off x="12700" y="-202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23c152327d314e958e11ca251f33fb49_JoinedDate"/>
          <p:cNvSpPr txBox="1"/>
          <p:nvPr>
            <p:custDataLst>
              <p:tags r:id="rId40"/>
            </p:custDataLst>
          </p:nvPr>
        </p:nvSpPr>
        <p:spPr>
          <a:xfrm>
            <a:off x="9192670" y="5171879"/>
            <a:ext cx="86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Apr 5 - Apr 27</a:t>
            </a:r>
            <a:endParaRPr lang="es-PE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23c152327d314e958e11ca251f33fb49_Duration" hidden="1"/>
          <p:cNvSpPr txBox="1"/>
          <p:nvPr>
            <p:custDataLst>
              <p:tags r:id="rId41"/>
            </p:custDataLst>
          </p:nvPr>
        </p:nvSpPr>
        <p:spPr>
          <a:xfrm>
            <a:off x="12567761" y="4577956"/>
            <a:ext cx="469900" cy="190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17 days</a:t>
            </a:r>
            <a:endParaRPr lang="es-P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3c152327d314e958e11ca251f33fb49_Title"/>
          <p:cNvSpPr txBox="1"/>
          <p:nvPr>
            <p:custDataLst>
              <p:tags r:id="rId42"/>
            </p:custDataLst>
          </p:nvPr>
        </p:nvSpPr>
        <p:spPr>
          <a:xfrm>
            <a:off x="501759" y="5125376"/>
            <a:ext cx="1752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b="1" spc="-10">
                <a:solidFill>
                  <a:schemeClr val="dk1"/>
                </a:solidFill>
                <a:latin typeface="Calibri" panose="020F0502020204030204" pitchFamily="34" charset="0"/>
              </a:rPr>
              <a:t>Pruebas Integrales</a:t>
            </a:r>
          </a:p>
        </p:txBody>
      </p:sp>
      <p:sp>
        <p:nvSpPr>
          <p:cNvPr id="85" name="OTLSHAPE_T_82d1b7aae77d41a2be14d69f5e501b1b_TextPercentage" hidden="1"/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82d1b7aae77d41a2be14d69f5e501b1b_StartDate" hidden="1"/>
          <p:cNvSpPr txBox="1"/>
          <p:nvPr>
            <p:custDataLst>
              <p:tags r:id="rId44"/>
            </p:custDataLst>
          </p:nvPr>
        </p:nvSpPr>
        <p:spPr>
          <a:xfrm>
            <a:off x="12700" y="-180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82d1b7aae77d41a2be14d69f5e501b1b_EndDate" hidden="1"/>
          <p:cNvSpPr txBox="1"/>
          <p:nvPr>
            <p:custDataLst>
              <p:tags r:id="rId45"/>
            </p:custDataLst>
          </p:nvPr>
        </p:nvSpPr>
        <p:spPr>
          <a:xfrm>
            <a:off x="12700" y="-180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82d1b7aae77d41a2be14d69f5e501b1b_JoinedDate"/>
          <p:cNvSpPr txBox="1"/>
          <p:nvPr>
            <p:custDataLst>
              <p:tags r:id="rId46"/>
            </p:custDataLst>
          </p:nvPr>
        </p:nvSpPr>
        <p:spPr>
          <a:xfrm>
            <a:off x="10400277" y="5713189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Apr 28 - May 6</a:t>
            </a:r>
            <a:endParaRPr lang="es-PE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82d1b7aae77d41a2be14d69f5e501b1b_Duration" hidden="1"/>
          <p:cNvSpPr txBox="1"/>
          <p:nvPr>
            <p:custDataLst>
              <p:tags r:id="rId47"/>
            </p:custDataLst>
          </p:nvPr>
        </p:nvSpPr>
        <p:spPr>
          <a:xfrm>
            <a:off x="11203299" y="6224376"/>
            <a:ext cx="393700" cy="190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  <a:endParaRPr lang="es-P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82d1b7aae77d41a2be14d69f5e501b1b_Title"/>
          <p:cNvSpPr txBox="1"/>
          <p:nvPr>
            <p:custDataLst>
              <p:tags r:id="rId48"/>
            </p:custDataLst>
          </p:nvPr>
        </p:nvSpPr>
        <p:spPr>
          <a:xfrm>
            <a:off x="501759" y="5666686"/>
            <a:ext cx="10541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b="1" spc="-16">
                <a:solidFill>
                  <a:schemeClr val="dk1"/>
                </a:solidFill>
                <a:latin typeface="Calibri" panose="020F0502020204030204" pitchFamily="34" charset="0"/>
              </a:rPr>
              <a:t>Despliegue</a:t>
            </a:r>
          </a:p>
        </p:txBody>
      </p:sp>
      <p:sp>
        <p:nvSpPr>
          <p:cNvPr id="93" name="OTLSHAPE_T_23b42cadd9bc437fb739c68c62737c3a_TextPercentage" hidden="1"/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23b42cadd9bc437fb739c68c62737c3a_StartDate" hidden="1"/>
          <p:cNvSpPr txBox="1"/>
          <p:nvPr>
            <p:custDataLst>
              <p:tags r:id="rId50"/>
            </p:custDataLst>
          </p:nvPr>
        </p:nvSpPr>
        <p:spPr>
          <a:xfrm>
            <a:off x="12700" y="-180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23b42cadd9bc437fb739c68c62737c3a_EndDate" hidden="1"/>
          <p:cNvSpPr txBox="1"/>
          <p:nvPr>
            <p:custDataLst>
              <p:tags r:id="rId51"/>
            </p:custDataLst>
          </p:nvPr>
        </p:nvSpPr>
        <p:spPr>
          <a:xfrm>
            <a:off x="12700" y="-180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23b42cadd9bc437fb739c68c62737c3a_JoinedDate"/>
          <p:cNvSpPr txBox="1"/>
          <p:nvPr>
            <p:custDataLst>
              <p:tags r:id="rId52"/>
            </p:custDataLst>
          </p:nvPr>
        </p:nvSpPr>
        <p:spPr>
          <a:xfrm>
            <a:off x="14157279" y="6119589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May 9 - Jun 3</a:t>
            </a:r>
            <a:endParaRPr lang="es-PE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3b42cadd9bc437fb739c68c62737c3a_Duration" hidden="1"/>
          <p:cNvSpPr txBox="1"/>
          <p:nvPr>
            <p:custDataLst>
              <p:tags r:id="rId53"/>
            </p:custDataLst>
          </p:nvPr>
        </p:nvSpPr>
        <p:spPr>
          <a:xfrm>
            <a:off x="13042920" y="6722076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>
                <a:solidFill>
                  <a:schemeClr val="dk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98" name="OTLSHAPE_T_23b42cadd9bc437fb739c68c62737c3a_Title"/>
          <p:cNvSpPr txBox="1"/>
          <p:nvPr>
            <p:custDataLst>
              <p:tags r:id="rId54"/>
            </p:custDataLst>
          </p:nvPr>
        </p:nvSpPr>
        <p:spPr>
          <a:xfrm>
            <a:off x="501759" y="6073086"/>
            <a:ext cx="7620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b="1" spc="-24">
                <a:solidFill>
                  <a:schemeClr val="dk1"/>
                </a:solidFill>
                <a:latin typeface="Calibri" panose="020F0502020204030204" pitchFamily="34" charset="0"/>
              </a:rPr>
              <a:t>Soporte</a:t>
            </a:r>
          </a:p>
        </p:txBody>
      </p:sp>
      <p:sp>
        <p:nvSpPr>
          <p:cNvPr id="110" name="OTLSHAPE_M_46fae9b11a344fd7915b631d9e74babb_Shape"/>
          <p:cNvSpPr/>
          <p:nvPr>
            <p:custDataLst>
              <p:tags r:id="rId55"/>
            </p:custDataLst>
          </p:nvPr>
        </p:nvSpPr>
        <p:spPr>
          <a:xfrm rot="16200000">
            <a:off x="9307798" y="2623752"/>
            <a:ext cx="228600" cy="228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8" name="OTLSHAPE_M_c4141af3ac38465cb53fcc7f7a4aa9f5_Shape"/>
          <p:cNvSpPr/>
          <p:nvPr>
            <p:custDataLst>
              <p:tags r:id="rId56"/>
            </p:custDataLst>
          </p:nvPr>
        </p:nvSpPr>
        <p:spPr>
          <a:xfrm rot="16200000">
            <a:off x="10783763" y="3215868"/>
            <a:ext cx="228600" cy="2286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21" name="OTLSHAPE_M_c243ffc97c7746e9a108ff043b51412a_Shape"/>
          <p:cNvSpPr/>
          <p:nvPr>
            <p:custDataLst>
              <p:tags r:id="rId57"/>
            </p:custDataLst>
          </p:nvPr>
        </p:nvSpPr>
        <p:spPr>
          <a:xfrm rot="16200000">
            <a:off x="14138229" y="3076337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5" name="OTLSHAPE_M_04072b436b4048c09d492665495c5db4_Shape"/>
          <p:cNvSpPr/>
          <p:nvPr>
            <p:custDataLst>
              <p:tags r:id="rId58"/>
            </p:custDataLst>
          </p:nvPr>
        </p:nvSpPr>
        <p:spPr>
          <a:xfrm rot="16200000">
            <a:off x="6221689" y="3215868"/>
            <a:ext cx="228600" cy="228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3" name="OTLSHAPE_M_46fae9b11a344fd7915b631d9e74babb_Title"/>
          <p:cNvSpPr txBox="1"/>
          <p:nvPr>
            <p:custDataLst>
              <p:tags r:id="rId59"/>
            </p:custDataLst>
          </p:nvPr>
        </p:nvSpPr>
        <p:spPr>
          <a:xfrm>
            <a:off x="9568148" y="2473743"/>
            <a:ext cx="1612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b="1" spc="-10">
                <a:solidFill>
                  <a:schemeClr val="dk1"/>
                </a:solidFill>
                <a:latin typeface="Calibri" panose="020F0502020204030204" pitchFamily="34" charset="0"/>
              </a:rPr>
              <a:t>Inicio Despliegue</a:t>
            </a:r>
          </a:p>
        </p:txBody>
      </p:sp>
      <p:sp>
        <p:nvSpPr>
          <p:cNvPr id="54" name="OTLSHAPE_M_46fae9b11a344fd7915b631d9e74babb_Date"/>
          <p:cNvSpPr txBox="1"/>
          <p:nvPr>
            <p:custDataLst>
              <p:tags r:id="rId60"/>
            </p:custDataLst>
          </p:nvPr>
        </p:nvSpPr>
        <p:spPr>
          <a:xfrm>
            <a:off x="9568148" y="2765505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2" smtClean="0">
                <a:solidFill>
                  <a:schemeClr val="dk2"/>
                </a:solidFill>
                <a:latin typeface="Calibri" panose="020F0502020204030204" pitchFamily="34" charset="0"/>
              </a:rPr>
              <a:t>Apr 28</a:t>
            </a:r>
            <a:endParaRPr lang="es-PE" sz="1200" spc="-1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c4141af3ac38465cb53fcc7f7a4aa9f5_Title"/>
          <p:cNvSpPr txBox="1"/>
          <p:nvPr>
            <p:custDataLst>
              <p:tags r:id="rId61"/>
            </p:custDataLst>
          </p:nvPr>
        </p:nvSpPr>
        <p:spPr>
          <a:xfrm>
            <a:off x="11044113" y="3065860"/>
            <a:ext cx="6477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b="1" spc="-30">
                <a:solidFill>
                  <a:schemeClr val="dk1"/>
                </a:solidFill>
                <a:latin typeface="Calibri" panose="020F0502020204030204" pitchFamily="34" charset="0"/>
              </a:rPr>
              <a:t>GoLive</a:t>
            </a:r>
          </a:p>
        </p:txBody>
      </p:sp>
      <p:sp>
        <p:nvSpPr>
          <p:cNvPr id="57" name="OTLSHAPE_M_c4141af3ac38465cb53fcc7f7a4aa9f5_Date"/>
          <p:cNvSpPr txBox="1"/>
          <p:nvPr>
            <p:custDataLst>
              <p:tags r:id="rId62"/>
            </p:custDataLst>
          </p:nvPr>
        </p:nvSpPr>
        <p:spPr>
          <a:xfrm>
            <a:off x="11044113" y="335762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4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s-PE" sz="1200" spc="-1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M_c243ffc97c7746e9a108ff043b51412a_Title"/>
          <p:cNvSpPr txBox="1"/>
          <p:nvPr>
            <p:custDataLst>
              <p:tags r:id="rId63"/>
            </p:custDataLst>
          </p:nvPr>
        </p:nvSpPr>
        <p:spPr>
          <a:xfrm>
            <a:off x="14398579" y="2786798"/>
            <a:ext cx="901700" cy="558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PE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Cierre de </a:t>
            </a:r>
          </a:p>
          <a:p>
            <a:r>
              <a:rPr lang="es-PE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Proyecto</a:t>
            </a:r>
          </a:p>
        </p:txBody>
      </p:sp>
      <p:sp>
        <p:nvSpPr>
          <p:cNvPr id="120" name="OTLSHAPE_M_c243ffc97c7746e9a108ff043b51412a_Date"/>
          <p:cNvSpPr txBox="1"/>
          <p:nvPr>
            <p:custDataLst>
              <p:tags r:id="rId64"/>
            </p:custDataLst>
          </p:nvPr>
        </p:nvSpPr>
        <p:spPr>
          <a:xfrm>
            <a:off x="14398579" y="3357621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4" smtClean="0">
                <a:solidFill>
                  <a:schemeClr val="dk2"/>
                </a:solidFill>
                <a:latin typeface="Calibri" panose="020F0502020204030204" pitchFamily="34" charset="0"/>
              </a:rPr>
              <a:t>Jun 3</a:t>
            </a:r>
            <a:endParaRPr lang="es-PE" sz="1200" spc="-1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M_04072b436b4048c09d492665495c5db4_Title"/>
          <p:cNvSpPr txBox="1"/>
          <p:nvPr>
            <p:custDataLst>
              <p:tags r:id="rId65"/>
            </p:custDataLst>
          </p:nvPr>
        </p:nvSpPr>
        <p:spPr>
          <a:xfrm>
            <a:off x="6482039" y="3065860"/>
            <a:ext cx="23241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b="1" spc="-6">
                <a:solidFill>
                  <a:schemeClr val="dk1"/>
                </a:solidFill>
                <a:latin typeface="Calibri" panose="020F0502020204030204" pitchFamily="34" charset="0"/>
              </a:rPr>
              <a:t>Inicio Pruebas Integrales</a:t>
            </a:r>
          </a:p>
        </p:txBody>
      </p:sp>
      <p:sp>
        <p:nvSpPr>
          <p:cNvPr id="14" name="OTLSHAPE_M_04072b436b4048c09d492665495c5db4_Date"/>
          <p:cNvSpPr txBox="1"/>
          <p:nvPr>
            <p:custDataLst>
              <p:tags r:id="rId66"/>
            </p:custDataLst>
          </p:nvPr>
        </p:nvSpPr>
        <p:spPr>
          <a:xfrm>
            <a:off x="6482039" y="3357621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200" spc="-14" smtClean="0">
                <a:solidFill>
                  <a:schemeClr val="dk2"/>
                </a:solidFill>
                <a:latin typeface="Calibri" panose="020F0502020204030204" pitchFamily="34" charset="0"/>
              </a:rPr>
              <a:t>Apr 5</a:t>
            </a:r>
            <a:endParaRPr lang="es-PE" sz="1200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CuadroTexto 129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6" y="170688"/>
            <a:ext cx="1221638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7200" dirty="0" smtClean="0">
                <a:solidFill>
                  <a:srgbClr val="1A497A"/>
                </a:solidFill>
              </a:rPr>
              <a:t>Timeline Actual</a:t>
            </a:r>
            <a:endParaRPr lang="es-PE" sz="2400" dirty="0">
              <a:solidFill>
                <a:srgbClr val="1A497A"/>
              </a:solidFill>
            </a:endParaRPr>
          </a:p>
        </p:txBody>
      </p:sp>
      <p:sp>
        <p:nvSpPr>
          <p:cNvPr id="23" name="CuadroTexto 22"/>
          <p:cNvSpPr txBox="1"/>
          <p:nvPr/>
        </p:nvSpPr>
        <p:spPr>
          <a:xfrm>
            <a:off x="16041584" y="4800047"/>
            <a:ext cx="20398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PE" b="1" dirty="0"/>
              <a:t>Commerce</a:t>
            </a:r>
          </a:p>
        </p:txBody>
      </p:sp>
      <p:pic>
        <p:nvPicPr>
          <p:cNvPr id="99" name="Picture 2" descr="Nini Mayorista - Home | Facebook">
            <a:extLst>
              <a:ext uri="{FF2B5EF4-FFF2-40B4-BE49-F238E27FC236}">
                <a16:creationId xmlns:a16="http://schemas.microsoft.com/office/drawing/2014/main" xmlns="" id="{C8620226-3F4C-4855-BB94-C9021AF6FD7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5896512" y="8996270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75" name="Tabla 74">
            <a:extLst>
              <a:ext uri="{FF2B5EF4-FFF2-40B4-BE49-F238E27FC236}">
                <a16:creationId xmlns:a16="http://schemas.microsoft.com/office/drawing/2014/main" xmlns="" id="{2FA54C01-D173-4E83-BB17-3D4852846A4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9753029"/>
              </p:ext>
            </p:extLst>
          </p:nvPr>
        </p:nvGraphicFramePr>
        <p:xfrm>
          <a:off x="6487909" y="7233429"/>
          <a:ext cx="5308089" cy="2192588"/>
        </p:xfrm>
        <a:graphic>
          <a:graphicData uri="http://schemas.openxmlformats.org/drawingml/2006/table">
            <a:tbl>
              <a:tblPr firstRow="1" firstCol="1" bandRow="1"/>
              <a:tblGrid>
                <a:gridCol w="2939644">
                  <a:extLst>
                    <a:ext uri="{9D8B030D-6E8A-4147-A177-3AD203B41FA5}">
                      <a16:colId xmlns:a16="http://schemas.microsoft.com/office/drawing/2014/main" xmlns="" val="603848889"/>
                    </a:ext>
                  </a:extLst>
                </a:gridCol>
                <a:gridCol w="2368445">
                  <a:extLst>
                    <a:ext uri="{9D8B030D-6E8A-4147-A177-3AD203B41FA5}">
                      <a16:colId xmlns:a16="http://schemas.microsoft.com/office/drawing/2014/main" xmlns="" val="4242550484"/>
                    </a:ext>
                  </a:extLst>
                </a:gridCol>
              </a:tblGrid>
              <a:tr h="473600">
                <a:tc>
                  <a:txBody>
                    <a:bodyPr/>
                    <a:lstStyle/>
                    <a:p>
                      <a:pPr algn="ctr"/>
                      <a:r>
                        <a:rPr lang="es-PE" sz="2400" b="1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Hito</a:t>
                      </a:r>
                      <a:endParaRPr lang="es-PE" sz="2400" b="1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PE" sz="2400" b="1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Fecha</a:t>
                      </a:r>
                      <a:endParaRPr lang="es-PE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656286152"/>
                  </a:ext>
                </a:extLst>
              </a:tr>
              <a:tr h="429747">
                <a:tc>
                  <a:txBody>
                    <a:bodyPr/>
                    <a:lstStyle/>
                    <a:p>
                      <a:r>
                        <a:rPr lang="es-PE" sz="20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Cierre Pruebas Integrales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PE" sz="20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27-Abr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901727935"/>
                  </a:ext>
                </a:extLst>
              </a:tr>
              <a:tr h="429747">
                <a:tc>
                  <a:txBody>
                    <a:bodyPr/>
                    <a:lstStyle/>
                    <a:p>
                      <a:r>
                        <a:rPr lang="es-PE" sz="20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Inicio Plan</a:t>
                      </a:r>
                      <a:r>
                        <a:rPr lang="es-PE" sz="2000" baseline="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 de Corte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PE" sz="20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28-Abr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25466292"/>
                  </a:ext>
                </a:extLst>
              </a:tr>
              <a:tr h="429747">
                <a:tc>
                  <a:txBody>
                    <a:bodyPr/>
                    <a:lstStyle/>
                    <a:p>
                      <a:r>
                        <a:rPr lang="es-PE" sz="20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GoLive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PE" sz="20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09-May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583678266"/>
                  </a:ext>
                </a:extLst>
              </a:tr>
              <a:tr h="429747">
                <a:tc>
                  <a:txBody>
                    <a:bodyPr/>
                    <a:lstStyle/>
                    <a:p>
                      <a:r>
                        <a:rPr lang="es-PE" sz="20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Inicio Soporte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PE" sz="20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TBD*</a:t>
                      </a:r>
                      <a:endParaRPr lang="es-PE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0777099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5" y="170688"/>
            <a:ext cx="13710903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6600" dirty="0">
                <a:solidFill>
                  <a:srgbClr val="1A497A"/>
                </a:solidFill>
              </a:rPr>
              <a:t>1. Integración Stock</a:t>
            </a:r>
            <a:endParaRPr lang="es-PE" sz="2000" dirty="0">
              <a:solidFill>
                <a:srgbClr val="1A497A"/>
              </a:solidFill>
            </a:endParaRPr>
          </a:p>
        </p:txBody>
      </p:sp>
      <p:pic>
        <p:nvPicPr>
          <p:cNvPr id="6" name="Picture 2" descr="Nini Mayorista - Home | Facebook">
            <a:extLst>
              <a:ext uri="{FF2B5EF4-FFF2-40B4-BE49-F238E27FC236}">
                <a16:creationId xmlns:a16="http://schemas.microsoft.com/office/drawing/2014/main" xmlns="" id="{10BEF5EE-892A-45B2-98DD-69464C1AFB2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6079506" y="9044942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4" name="Tabla 3">
            <a:extLst>
              <a:ext uri="{FF2B5EF4-FFF2-40B4-BE49-F238E27FC236}">
                <a16:creationId xmlns:a16="http://schemas.microsoft.com/office/drawing/2014/main" xmlns="" id="{3428D1C3-1AB3-47B7-8B56-CBAE25F3ABD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57340357"/>
              </p:ext>
            </p:extLst>
          </p:nvPr>
        </p:nvGraphicFramePr>
        <p:xfrm>
          <a:off x="1418306" y="2652428"/>
          <a:ext cx="14960600" cy="3513772"/>
        </p:xfrm>
        <a:graphic>
          <a:graphicData uri="http://schemas.openxmlformats.org/drawingml/2006/table">
            <a:tbl>
              <a:tblPr/>
              <a:tblGrid>
                <a:gridCol w="2058654">
                  <a:extLst>
                    <a:ext uri="{9D8B030D-6E8A-4147-A177-3AD203B41FA5}">
                      <a16:colId xmlns:a16="http://schemas.microsoft.com/office/drawing/2014/main" xmlns="" val="4164537895"/>
                    </a:ext>
                  </a:extLst>
                </a:gridCol>
                <a:gridCol w="2105799">
                  <a:extLst>
                    <a:ext uri="{9D8B030D-6E8A-4147-A177-3AD203B41FA5}">
                      <a16:colId xmlns:a16="http://schemas.microsoft.com/office/drawing/2014/main" xmlns="" val="345144685"/>
                    </a:ext>
                  </a:extLst>
                </a:gridCol>
                <a:gridCol w="3897299">
                  <a:extLst>
                    <a:ext uri="{9D8B030D-6E8A-4147-A177-3AD203B41FA5}">
                      <a16:colId xmlns:a16="http://schemas.microsoft.com/office/drawing/2014/main" xmlns="" val="3347469448"/>
                    </a:ext>
                  </a:extLst>
                </a:gridCol>
                <a:gridCol w="2231518">
                  <a:extLst>
                    <a:ext uri="{9D8B030D-6E8A-4147-A177-3AD203B41FA5}">
                      <a16:colId xmlns:a16="http://schemas.microsoft.com/office/drawing/2014/main" xmlns="" val="4096701890"/>
                    </a:ext>
                  </a:extLst>
                </a:gridCol>
                <a:gridCol w="1398628">
                  <a:extLst>
                    <a:ext uri="{9D8B030D-6E8A-4147-A177-3AD203B41FA5}">
                      <a16:colId xmlns:a16="http://schemas.microsoft.com/office/drawing/2014/main" xmlns="" val="2461396793"/>
                    </a:ext>
                  </a:extLst>
                </a:gridCol>
                <a:gridCol w="1602921">
                  <a:extLst>
                    <a:ext uri="{9D8B030D-6E8A-4147-A177-3AD203B41FA5}">
                      <a16:colId xmlns:a16="http://schemas.microsoft.com/office/drawing/2014/main" xmlns="" val="3853988863"/>
                    </a:ext>
                  </a:extLst>
                </a:gridCol>
                <a:gridCol w="1665781">
                  <a:extLst>
                    <a:ext uri="{9D8B030D-6E8A-4147-A177-3AD203B41FA5}">
                      <a16:colId xmlns:a16="http://schemas.microsoft.com/office/drawing/2014/main" xmlns="" val="950131713"/>
                    </a:ext>
                  </a:extLst>
                </a:gridCol>
              </a:tblGrid>
              <a:tr h="597388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ccione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tivida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scrip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sponsabl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Inici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Finaliz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3083385368"/>
                  </a:ext>
                </a:extLst>
              </a:tr>
              <a:tr h="702774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Stock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ll con SNP para definir una Solu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 requiere una Call con SNP para determinar la mejor forma de llevar la integración de Stock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3.03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1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340987067"/>
                  </a:ext>
                </a:extLst>
              </a:tr>
              <a:tr h="702774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Stock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trega de Repositorio y Archivos TXT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lo definido como solución, SNP debe entregar el Repositorio donde dejarán los archivos TXT conteniendo hasta 100 Product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5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8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167775497"/>
                  </a:ext>
                </a:extLst>
              </a:tr>
              <a:tr h="702774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Stock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justes P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 debe realizar  configuración y ajustes en PO para tomar desde el nuevo repositorio los archivos TXT y enviarlos a Commerce 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842964214"/>
                  </a:ext>
                </a:extLst>
              </a:tr>
              <a:tr h="702774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Stock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, Ajustes y Valid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alización de pruebas, ajustes a observaciones encontradas y validación final integral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/Nini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83197403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578408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5" y="170688"/>
            <a:ext cx="13710903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6000" dirty="0">
                <a:solidFill>
                  <a:srgbClr val="1A497A"/>
                </a:solidFill>
              </a:rPr>
              <a:t>2. Publicación URL de PO + Integraciones</a:t>
            </a:r>
            <a:endParaRPr lang="es-PE" dirty="0">
              <a:solidFill>
                <a:srgbClr val="1A497A"/>
              </a:solidFill>
            </a:endParaRPr>
          </a:p>
        </p:txBody>
      </p:sp>
      <p:pic>
        <p:nvPicPr>
          <p:cNvPr id="6" name="Picture 2" descr="Nini Mayorista - Home | Facebook">
            <a:extLst>
              <a:ext uri="{FF2B5EF4-FFF2-40B4-BE49-F238E27FC236}">
                <a16:creationId xmlns:a16="http://schemas.microsoft.com/office/drawing/2014/main" xmlns="" id="{10BEF5EE-892A-45B2-98DD-69464C1AFB2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6079506" y="9044942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3" name="Tabla 2">
            <a:extLst>
              <a:ext uri="{FF2B5EF4-FFF2-40B4-BE49-F238E27FC236}">
                <a16:creationId xmlns:a16="http://schemas.microsoft.com/office/drawing/2014/main" xmlns="" id="{FEDDE775-09CB-4354-8BC3-AD48E2325D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69657140"/>
              </p:ext>
            </p:extLst>
          </p:nvPr>
        </p:nvGraphicFramePr>
        <p:xfrm>
          <a:off x="1166099" y="2230627"/>
          <a:ext cx="15955802" cy="6066924"/>
        </p:xfrm>
        <a:graphic>
          <a:graphicData uri="http://schemas.openxmlformats.org/drawingml/2006/table">
            <a:tbl>
              <a:tblPr/>
              <a:tblGrid>
                <a:gridCol w="1645920">
                  <a:extLst>
                    <a:ext uri="{9D8B030D-6E8A-4147-A177-3AD203B41FA5}">
                      <a16:colId xmlns:a16="http://schemas.microsoft.com/office/drawing/2014/main" xmlns="" val="3404808317"/>
                    </a:ext>
                  </a:extLst>
                </a:gridCol>
                <a:gridCol w="2217181">
                  <a:extLst>
                    <a:ext uri="{9D8B030D-6E8A-4147-A177-3AD203B41FA5}">
                      <a16:colId xmlns:a16="http://schemas.microsoft.com/office/drawing/2014/main" xmlns="" val="2144622944"/>
                    </a:ext>
                  </a:extLst>
                </a:gridCol>
                <a:gridCol w="3794760">
                  <a:extLst>
                    <a:ext uri="{9D8B030D-6E8A-4147-A177-3AD203B41FA5}">
                      <a16:colId xmlns:a16="http://schemas.microsoft.com/office/drawing/2014/main" xmlns="" val="3276571614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xmlns="" val="1513223124"/>
                    </a:ext>
                  </a:extLst>
                </a:gridCol>
                <a:gridCol w="1166555">
                  <a:extLst>
                    <a:ext uri="{9D8B030D-6E8A-4147-A177-3AD203B41FA5}">
                      <a16:colId xmlns:a16="http://schemas.microsoft.com/office/drawing/2014/main" xmlns="" val="3140500413"/>
                    </a:ext>
                  </a:extLst>
                </a:gridCol>
                <a:gridCol w="1348045">
                  <a:extLst>
                    <a:ext uri="{9D8B030D-6E8A-4147-A177-3AD203B41FA5}">
                      <a16:colId xmlns:a16="http://schemas.microsoft.com/office/drawing/2014/main" xmlns="" val="2914435179"/>
                    </a:ext>
                  </a:extLst>
                </a:gridCol>
                <a:gridCol w="1242299">
                  <a:extLst>
                    <a:ext uri="{9D8B030D-6E8A-4147-A177-3AD203B41FA5}">
                      <a16:colId xmlns:a16="http://schemas.microsoft.com/office/drawing/2014/main" xmlns="" val="1833043380"/>
                    </a:ext>
                  </a:extLst>
                </a:gridCol>
                <a:gridCol w="3169442">
                  <a:extLst>
                    <a:ext uri="{9D8B030D-6E8A-4147-A177-3AD203B41FA5}">
                      <a16:colId xmlns:a16="http://schemas.microsoft.com/office/drawing/2014/main" xmlns="" val="3961988089"/>
                    </a:ext>
                  </a:extLst>
                </a:gridCol>
              </a:tblGrid>
              <a:tr h="51049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ccione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tivida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scrip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sponsabl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Inici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Finaliz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mentari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2743082381"/>
                  </a:ext>
                </a:extLst>
              </a:tr>
              <a:tr h="762454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ublicación de la URL P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trega de URL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parte del Equipo TI de Nini entrega los enlaces de PO DEV, QAS y PR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1.03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1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3.03.22: Se presenta un issue en la llegada al puerto de las Ips. Lo tiene Nini en revisión interna.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343419036"/>
                  </a:ext>
                </a:extLst>
              </a:tr>
              <a:tr h="762454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ublicación de la URL P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 &amp; Validaciones Consulta Stock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jecución de las Pruebas Funcionales y Técnicas Unitaria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4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B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Pendient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8.04.22: Se detecta que Commerce no consigue leer la URL por no tener un Certificado SSL válido. Se informa a Nini por correo el 11.04. </a:t>
                      </a:r>
                    </a:p>
                  </a:txBody>
                  <a:tcPr marL="6350" marR="6350" marT="6350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388173842"/>
                  </a:ext>
                </a:extLst>
              </a:tr>
              <a:tr h="762454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ublicación de la URL P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ertificado SSL váli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stalación de Certificado SSL en servidor que expone URL PO (https)</a:t>
                      </a:r>
                    </a:p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Solución Temporal sin SSL*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Pendient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.04.22: Se informa a Nini del requerimiento y se espera respuesta.</a:t>
                      </a:r>
                    </a:p>
                  </a:txBody>
                  <a:tcPr marL="6350" marR="6350" marT="6350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148359273"/>
                  </a:ext>
                </a:extLst>
              </a:tr>
              <a:tr h="762454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Estado de Cuenta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, Ajustes y Valid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jecución de las Pruebas Funcionales y Técnicas Unitaria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9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1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pende del Certificado SSL</a:t>
                      </a:r>
                    </a:p>
                  </a:txBody>
                  <a:tcPr marL="6350" marR="6350" marT="6350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328447316"/>
                  </a:ext>
                </a:extLst>
              </a:tr>
              <a:tr h="762454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Envío de Pedid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, Ajustes y Valid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jecución de las Pruebas Funcionales y Técnicas Unitaria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9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1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pende del Certificado SSL</a:t>
                      </a:r>
                    </a:p>
                  </a:txBody>
                  <a:tcPr marL="6350" marR="6350" marT="6350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479469233"/>
                  </a:ext>
                </a:extLst>
              </a:tr>
              <a:tr h="762454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Consulta Stock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juste Commerc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odificación de trama y envío en Commerc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6.03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8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pt-BR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4248013713"/>
                  </a:ext>
                </a:extLst>
              </a:tr>
              <a:tr h="762454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Consulta Stock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, Ajustes y Valid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jecución de las Pruebas Funcionales y Técnicas Unitaria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9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1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pende del Certificado SSL</a:t>
                      </a:r>
                    </a:p>
                    <a:p>
                      <a:pPr algn="l" fontAlgn="b"/>
                      <a:endParaRPr lang="pt-BR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51935426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049026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5" y="170688"/>
            <a:ext cx="13710903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6600" dirty="0">
                <a:solidFill>
                  <a:srgbClr val="1A497A"/>
                </a:solidFill>
              </a:rPr>
              <a:t>3. Int. Actualización Estado de Pedido</a:t>
            </a:r>
            <a:endParaRPr lang="es-PE" sz="2000" dirty="0">
              <a:solidFill>
                <a:srgbClr val="1A497A"/>
              </a:solidFill>
            </a:endParaRPr>
          </a:p>
        </p:txBody>
      </p:sp>
      <p:pic>
        <p:nvPicPr>
          <p:cNvPr id="6" name="Picture 2" descr="Nini Mayorista - Home | Facebook">
            <a:extLst>
              <a:ext uri="{FF2B5EF4-FFF2-40B4-BE49-F238E27FC236}">
                <a16:creationId xmlns:a16="http://schemas.microsoft.com/office/drawing/2014/main" xmlns="" id="{10BEF5EE-892A-45B2-98DD-69464C1AFB2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6079506" y="9044942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4" name="Tabla 3">
            <a:extLst>
              <a:ext uri="{FF2B5EF4-FFF2-40B4-BE49-F238E27FC236}">
                <a16:creationId xmlns:a16="http://schemas.microsoft.com/office/drawing/2014/main" xmlns="" id="{B0456B76-EA63-43E7-9DC6-804CDE4C3F5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18706483"/>
              </p:ext>
            </p:extLst>
          </p:nvPr>
        </p:nvGraphicFramePr>
        <p:xfrm>
          <a:off x="1379220" y="2967672"/>
          <a:ext cx="15529560" cy="3474444"/>
        </p:xfrm>
        <a:graphic>
          <a:graphicData uri="http://schemas.openxmlformats.org/drawingml/2006/table">
            <a:tbl>
              <a:tblPr/>
              <a:tblGrid>
                <a:gridCol w="2780716">
                  <a:extLst>
                    <a:ext uri="{9D8B030D-6E8A-4147-A177-3AD203B41FA5}">
                      <a16:colId xmlns:a16="http://schemas.microsoft.com/office/drawing/2014/main" xmlns="" val="2696648263"/>
                    </a:ext>
                  </a:extLst>
                </a:gridCol>
                <a:gridCol w="2720924">
                  <a:extLst>
                    <a:ext uri="{9D8B030D-6E8A-4147-A177-3AD203B41FA5}">
                      <a16:colId xmlns:a16="http://schemas.microsoft.com/office/drawing/2014/main" xmlns="" val="3778844179"/>
                    </a:ext>
                  </a:extLst>
                </a:gridCol>
                <a:gridCol w="3037954">
                  <a:extLst>
                    <a:ext uri="{9D8B030D-6E8A-4147-A177-3AD203B41FA5}">
                      <a16:colId xmlns:a16="http://schemas.microsoft.com/office/drawing/2014/main" xmlns="" val="639723956"/>
                    </a:ext>
                  </a:extLst>
                </a:gridCol>
                <a:gridCol w="1211970">
                  <a:extLst>
                    <a:ext uri="{9D8B030D-6E8A-4147-A177-3AD203B41FA5}">
                      <a16:colId xmlns:a16="http://schemas.microsoft.com/office/drawing/2014/main" xmlns="" val="2753302927"/>
                    </a:ext>
                  </a:extLst>
                </a:gridCol>
                <a:gridCol w="1124490">
                  <a:extLst>
                    <a:ext uri="{9D8B030D-6E8A-4147-A177-3AD203B41FA5}">
                      <a16:colId xmlns:a16="http://schemas.microsoft.com/office/drawing/2014/main" xmlns="" val="1520708692"/>
                    </a:ext>
                  </a:extLst>
                </a:gridCol>
                <a:gridCol w="1134020">
                  <a:extLst>
                    <a:ext uri="{9D8B030D-6E8A-4147-A177-3AD203B41FA5}">
                      <a16:colId xmlns:a16="http://schemas.microsoft.com/office/drawing/2014/main" xmlns="" val="3492613071"/>
                    </a:ext>
                  </a:extLst>
                </a:gridCol>
                <a:gridCol w="1050606">
                  <a:extLst>
                    <a:ext uri="{9D8B030D-6E8A-4147-A177-3AD203B41FA5}">
                      <a16:colId xmlns:a16="http://schemas.microsoft.com/office/drawing/2014/main" xmlns="" val="3499067203"/>
                    </a:ext>
                  </a:extLst>
                </a:gridCol>
                <a:gridCol w="2468880">
                  <a:extLst>
                    <a:ext uri="{9D8B030D-6E8A-4147-A177-3AD203B41FA5}">
                      <a16:colId xmlns:a16="http://schemas.microsoft.com/office/drawing/2014/main" xmlns="" val="3747165083"/>
                    </a:ext>
                  </a:extLst>
                </a:gridCol>
              </a:tblGrid>
              <a:tr h="587472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ccione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tivida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scrip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sponsabl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Inici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Finaliz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mentari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3790147294"/>
                  </a:ext>
                </a:extLst>
              </a:tr>
              <a:tr h="877432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Actualización de Estado de Pedid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C Creación de Pedido en ERP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rear una PoC para la creación de Pedido en ERP y que se cambien los estados por los que pasará el objeto.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7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B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Pendient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07.04.22: Parte del acuerdo de la Call realizada.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448238655"/>
                  </a:ext>
                </a:extLst>
              </a:tr>
              <a:tr h="877432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Actualización de Estado de Pedid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alidación de Creación de Pedido desde Commerc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alidación de Creación de Pedido en ERP desde Commerc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1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2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E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Depende de la Creación del Pedido de Commerc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967213845"/>
                  </a:ext>
                </a:extLst>
              </a:tr>
              <a:tr h="877432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Actualización de Estado de Pedid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, Ajustes y Valid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mbio de Estado del Pedido en ERP y corrección de issues que se presenten.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2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60910071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0794075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5" y="170688"/>
            <a:ext cx="13710903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6600" dirty="0">
                <a:solidFill>
                  <a:srgbClr val="1A497A"/>
                </a:solidFill>
              </a:rPr>
              <a:t>4. Integración Cliente/Contacto</a:t>
            </a:r>
            <a:endParaRPr lang="es-PE" sz="2000" dirty="0">
              <a:solidFill>
                <a:srgbClr val="1A497A"/>
              </a:solidFill>
            </a:endParaRPr>
          </a:p>
        </p:txBody>
      </p:sp>
      <p:pic>
        <p:nvPicPr>
          <p:cNvPr id="6" name="Picture 2" descr="Nini Mayorista - Home | Facebook">
            <a:extLst>
              <a:ext uri="{FF2B5EF4-FFF2-40B4-BE49-F238E27FC236}">
                <a16:creationId xmlns:a16="http://schemas.microsoft.com/office/drawing/2014/main" xmlns="" id="{10BEF5EE-892A-45B2-98DD-69464C1AFB2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6079506" y="9044942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5" name="Tabla 4">
            <a:extLst>
              <a:ext uri="{FF2B5EF4-FFF2-40B4-BE49-F238E27FC236}">
                <a16:creationId xmlns:a16="http://schemas.microsoft.com/office/drawing/2014/main" xmlns="" id="{CDB2B051-1533-435B-A542-3556099F1C1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88371435"/>
              </p:ext>
            </p:extLst>
          </p:nvPr>
        </p:nvGraphicFramePr>
        <p:xfrm>
          <a:off x="2209801" y="3177222"/>
          <a:ext cx="13290006" cy="3513139"/>
        </p:xfrm>
        <a:graphic>
          <a:graphicData uri="http://schemas.openxmlformats.org/drawingml/2006/table">
            <a:tbl>
              <a:tblPr/>
              <a:tblGrid>
                <a:gridCol w="1828772">
                  <a:extLst>
                    <a:ext uri="{9D8B030D-6E8A-4147-A177-3AD203B41FA5}">
                      <a16:colId xmlns:a16="http://schemas.microsoft.com/office/drawing/2014/main" xmlns="" val="2601248652"/>
                    </a:ext>
                  </a:extLst>
                </a:gridCol>
                <a:gridCol w="2236857">
                  <a:extLst>
                    <a:ext uri="{9D8B030D-6E8A-4147-A177-3AD203B41FA5}">
                      <a16:colId xmlns:a16="http://schemas.microsoft.com/office/drawing/2014/main" xmlns="" val="1944346227"/>
                    </a:ext>
                  </a:extLst>
                </a:gridCol>
                <a:gridCol w="3371490">
                  <a:extLst>
                    <a:ext uri="{9D8B030D-6E8A-4147-A177-3AD203B41FA5}">
                      <a16:colId xmlns:a16="http://schemas.microsoft.com/office/drawing/2014/main" xmlns="" val="2218162104"/>
                    </a:ext>
                  </a:extLst>
                </a:gridCol>
                <a:gridCol w="1706740">
                  <a:extLst>
                    <a:ext uri="{9D8B030D-6E8A-4147-A177-3AD203B41FA5}">
                      <a16:colId xmlns:a16="http://schemas.microsoft.com/office/drawing/2014/main" xmlns="" val="1047802752"/>
                    </a:ext>
                  </a:extLst>
                </a:gridCol>
                <a:gridCol w="1242448">
                  <a:extLst>
                    <a:ext uri="{9D8B030D-6E8A-4147-A177-3AD203B41FA5}">
                      <a16:colId xmlns:a16="http://schemas.microsoft.com/office/drawing/2014/main" xmlns="" val="3198100009"/>
                    </a:ext>
                  </a:extLst>
                </a:gridCol>
                <a:gridCol w="1423929">
                  <a:extLst>
                    <a:ext uri="{9D8B030D-6E8A-4147-A177-3AD203B41FA5}">
                      <a16:colId xmlns:a16="http://schemas.microsoft.com/office/drawing/2014/main" xmlns="" val="780621115"/>
                    </a:ext>
                  </a:extLst>
                </a:gridCol>
                <a:gridCol w="1479770">
                  <a:extLst>
                    <a:ext uri="{9D8B030D-6E8A-4147-A177-3AD203B41FA5}">
                      <a16:colId xmlns:a16="http://schemas.microsoft.com/office/drawing/2014/main" xmlns="" val="3786667708"/>
                    </a:ext>
                  </a:extLst>
                </a:gridCol>
              </a:tblGrid>
              <a:tr h="599416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ccione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tivida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scrip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sponsabl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Inici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Finaliz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4204796677"/>
                  </a:ext>
                </a:extLst>
              </a:tr>
              <a:tr h="599416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Cliente Contact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ll de Alineamient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ll para resolver dudas de Campos y recibir definiciones de Negoci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3.03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8.03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181618960"/>
                  </a:ext>
                </a:extLst>
              </a:tr>
              <a:tr h="895272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Cliente Contact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solución Incident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 y SNP deben solucionar el incidente en la integración que no permite enviar el IDOC a P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5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8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41002371"/>
                  </a:ext>
                </a:extLst>
              </a:tr>
              <a:tr h="599416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Cliente Contact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justes del Desarrollo BPM en P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justes de BPM de P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7399130"/>
                  </a:ext>
                </a:extLst>
              </a:tr>
              <a:tr h="819619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Cliente Contact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, Ajustes y Valid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alidación de Integración de Cliente Contacto y correcciones que se presenten.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2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93956665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819729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>
            <a:extLst>
              <a:ext uri="{FF2B5EF4-FFF2-40B4-BE49-F238E27FC236}">
                <a16:creationId xmlns:a16="http://schemas.microsoft.com/office/drawing/2014/main" xmlns="" id="{9FA51D0D-72BE-41E3-996F-50E8E4C448CC}"/>
              </a:ext>
            </a:extLst>
          </p:cNvPr>
          <p:cNvSpPr txBox="1"/>
          <p:nvPr/>
        </p:nvSpPr>
        <p:spPr>
          <a:xfrm>
            <a:off x="859535" y="170688"/>
            <a:ext cx="13710903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PE" sz="6600" dirty="0">
                <a:solidFill>
                  <a:srgbClr val="1A497A"/>
                </a:solidFill>
              </a:rPr>
              <a:t>5. Integración Producto Padre</a:t>
            </a:r>
            <a:endParaRPr lang="es-PE" sz="2000" dirty="0">
              <a:solidFill>
                <a:srgbClr val="1A497A"/>
              </a:solidFill>
            </a:endParaRPr>
          </a:p>
        </p:txBody>
      </p:sp>
      <p:pic>
        <p:nvPicPr>
          <p:cNvPr id="6" name="Picture 2" descr="Nini Mayorista - Home | Facebook">
            <a:extLst>
              <a:ext uri="{FF2B5EF4-FFF2-40B4-BE49-F238E27FC236}">
                <a16:creationId xmlns:a16="http://schemas.microsoft.com/office/drawing/2014/main" xmlns="" id="{10BEF5EE-892A-45B2-98DD-69464C1AFB2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157" b="29989"/>
          <a:stretch/>
        </p:blipFill>
        <p:spPr bwMode="auto">
          <a:xfrm>
            <a:off x="16079506" y="9044942"/>
            <a:ext cx="2229852" cy="1159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3" name="Tabla 2">
            <a:extLst>
              <a:ext uri="{FF2B5EF4-FFF2-40B4-BE49-F238E27FC236}">
                <a16:creationId xmlns:a16="http://schemas.microsoft.com/office/drawing/2014/main" xmlns="" id="{9939B010-93A8-46A8-B0C3-9ED53DBAFD1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38803658"/>
              </p:ext>
            </p:extLst>
          </p:nvPr>
        </p:nvGraphicFramePr>
        <p:xfrm>
          <a:off x="1555750" y="2840673"/>
          <a:ext cx="15176500" cy="6153150"/>
        </p:xfrm>
        <a:graphic>
          <a:graphicData uri="http://schemas.openxmlformats.org/drawingml/2006/table">
            <a:tbl>
              <a:tblPr/>
              <a:tblGrid>
                <a:gridCol w="1663700">
                  <a:extLst>
                    <a:ext uri="{9D8B030D-6E8A-4147-A177-3AD203B41FA5}">
                      <a16:colId xmlns:a16="http://schemas.microsoft.com/office/drawing/2014/main" xmlns="" val="334200107"/>
                    </a:ext>
                  </a:extLst>
                </a:gridCol>
                <a:gridCol w="1701800">
                  <a:extLst>
                    <a:ext uri="{9D8B030D-6E8A-4147-A177-3AD203B41FA5}">
                      <a16:colId xmlns:a16="http://schemas.microsoft.com/office/drawing/2014/main" xmlns="" val="638453034"/>
                    </a:ext>
                  </a:extLst>
                </a:gridCol>
                <a:gridCol w="3149600">
                  <a:extLst>
                    <a:ext uri="{9D8B030D-6E8A-4147-A177-3AD203B41FA5}">
                      <a16:colId xmlns:a16="http://schemas.microsoft.com/office/drawing/2014/main" xmlns="" val="1920332679"/>
                    </a:ext>
                  </a:extLst>
                </a:gridCol>
                <a:gridCol w="1803400">
                  <a:extLst>
                    <a:ext uri="{9D8B030D-6E8A-4147-A177-3AD203B41FA5}">
                      <a16:colId xmlns:a16="http://schemas.microsoft.com/office/drawing/2014/main" xmlns="" val="2994794467"/>
                    </a:ext>
                  </a:extLst>
                </a:gridCol>
                <a:gridCol w="1130300">
                  <a:extLst>
                    <a:ext uri="{9D8B030D-6E8A-4147-A177-3AD203B41FA5}">
                      <a16:colId xmlns:a16="http://schemas.microsoft.com/office/drawing/2014/main" xmlns="" val="1691684041"/>
                    </a:ext>
                  </a:extLst>
                </a:gridCol>
                <a:gridCol w="1295400">
                  <a:extLst>
                    <a:ext uri="{9D8B030D-6E8A-4147-A177-3AD203B41FA5}">
                      <a16:colId xmlns:a16="http://schemas.microsoft.com/office/drawing/2014/main" xmlns="" val="1191665206"/>
                    </a:ext>
                  </a:extLst>
                </a:gridCol>
                <a:gridCol w="1346200">
                  <a:extLst>
                    <a:ext uri="{9D8B030D-6E8A-4147-A177-3AD203B41FA5}">
                      <a16:colId xmlns:a16="http://schemas.microsoft.com/office/drawing/2014/main" xmlns="" val="2266348624"/>
                    </a:ext>
                  </a:extLst>
                </a:gridCol>
                <a:gridCol w="3086100">
                  <a:extLst>
                    <a:ext uri="{9D8B030D-6E8A-4147-A177-3AD203B41FA5}">
                      <a16:colId xmlns:a16="http://schemas.microsoft.com/office/drawing/2014/main" xmlns="" val="2308206279"/>
                    </a:ext>
                  </a:extLst>
                </a:gridCol>
              </a:tblGrid>
              <a:tr h="36830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ccione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tivida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scrip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sponsabl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Inici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cha </a:t>
                      </a:r>
                      <a:b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 Finaliz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mentari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528380582"/>
                  </a:ext>
                </a:extLst>
              </a:tr>
              <a:tr h="36830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Producto Padr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trega de IDOC 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laboración de IDOC por parte de Nini y SNP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3.03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1.03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Cancel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s-E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522085634"/>
                  </a:ext>
                </a:extLst>
              </a:tr>
              <a:tr h="18415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Producto Padr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ll de Alineamient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ll con Nini, SNP y Seidor para alinear cómo se realizará la nueva integr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1.03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1.03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s-E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861474958"/>
                  </a:ext>
                </a:extLst>
              </a:tr>
              <a:tr h="36830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Producto Padr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mpliación IDOC Product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NP debe ampliar el IDOC de Productos con los campos solicitados para Producto Padr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6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7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  <a:endParaRPr lang="es-P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787421192"/>
                  </a:ext>
                </a:extLst>
              </a:tr>
              <a:tr h="36830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Producto Padr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alidación ampliación IDOC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NP debe ampliar el IDOC de Productos con los campos solicitados para Producto Padr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7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Completado</a:t>
                      </a:r>
                      <a:endParaRPr lang="es-P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008814106"/>
                  </a:ext>
                </a:extLst>
              </a:tr>
              <a:tr h="36830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Producto Padr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imación CC y Aprob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imación de actividad en PO y Commerce para soportar la ampliación para Producto Padr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04.22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Pendient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</a:rPr>
                        <a:t>12.04.22: La estimación y presentación se enviará a Pre-Venta Seidor.  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606308527"/>
                  </a:ext>
                </a:extLst>
              </a:tr>
              <a:tr h="36830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Producto Padr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odificación de Desarrollo BPM de Producto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odificar el actual desarrollo BPM de productos y agregar campos de Producto Padre en PO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B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B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519675660"/>
                  </a:ext>
                </a:extLst>
              </a:tr>
              <a:tr h="36830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Producto Padr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odificación Interfaz Productos Variantes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odificar Interfaz de Productos Variantes para que soporte Producto Padre en Commerc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B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B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312392187"/>
                  </a:ext>
                </a:extLst>
              </a:tr>
              <a:tr h="368300"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ción Producto Padre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uebas, Ajustes y Validación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nte issues que se presenten se requiere ajustes o correcciones entre Nini, SNP y 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ini/Seido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B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BD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PE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or Iniciar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PE" sz="1600" b="0" i="0" u="none" strike="noStrike" dirty="0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10094354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2518193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pZCI6IjE0IiwiVG9wIjowLjAsIkxlZnQiOjEyLjAsIlJpZ2h0IjoxMi4wLCJCb3R0b20iOjAuMH0sIlBhZGRpbmciOnsiJGlkIjoiMTUiLCJUb3AiOjUuMCwiTGVmdCI6MC4wLCJSaWdodCI6MC4wLCJCb3R0b20iOjUuMH0sIkJhY2tncm91bmQiOnsiJGlkIjoiMTYiLCJDb2xvciI6eyIkaWQiOiIxNyIsIkEiOjI1NSwiUiI6MzEsIkciOjczLCJCIjoxMjV9fSwiSXNWaXNpYmxlIjp0cnVlLCJXaWR0aCI6ODU4LjAsIkhlaWdodCI6Mz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1LjAsIlJpZ2h0IjowLjAsIkJvdHRvbSI6MC4wfSwiUGFkZGluZyI6eyIkaWQiOiI0MiIsIlRvcCI6MC4wLCJMZWZ0IjowLjAsIlJpZ2h0IjowLjAsIkJvdHRvbSI6MC4wfSwiQmFja2dyb3VuZCI6eyIkaWQiOiI0MyIsIkNvbG9yIjp7IiRyZWYiOiIzNiJ9fSwiSXNWaXNpYmxlIjp0cnVlLCJXaWR0aCI6MC4wLCJIZWlnaHQiOjAuMCwiQm9yZGVyU3R5bGUiOm51bGwsIlBhcmVudFN0eWxlIjpudWxsfSwiVG9kYXlUZXh0U3R5bGUiOnsiJGlkIjoiNDQiLCJGb250U2V0dGluZ3MiOnsiJGlkIjoiNDUiLCJGb250U2l6ZSI6MTYsIkZvbnROYW1lIjoiQ2FsaWJyaSIsIklzQm9sZCI6dHJ1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CwiU2hvd1NlZ21lbnRTZXBhcmF0b3JzIjp0cnVlLCJTZWdtZW50U2VwYXJhdG9yT3BhY2l0eSI6MzAsIkhhc0JlZW5WaXNpYmxlQmVmb3JlIjp0cnVlLCJGb250U2V0dGluZ3MiOnsiJGlkIjoiNTciLCJGb250U2l6ZSI6MTQ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w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4OSwiUiI6MCwiRyI6MCwiQiI6MH19LCJJc1Zpc2libGUiOmZhbHNlLCJXaWR0aCI6MC4wLCJIZWlnaHQiOjAuMCwiQm9yZGVyU3R5bGUiOm51bGwsIlBhcmVudFN0eWxlIjpudWxsfSwiQm90dG9tVGllclNjYWxlU3R5bGUiOnsiJGlkIjoiNzIiLCJTaGFwZSI6MCwiU2hvd1NlZ21lbnRTZXBhcmF0b3JzIjp0cnVlLCJTZWdtZW50U2VwYXJhdG9yT3BhY2l0eSI6MzAsIkhhc0JlZW5WaXNpYmxlQmVmb3JlIjpmYWxzZSwiRm9udFNldHRpbmdzIjp7IiRpZCI6IjczIiwiRm9udFNpemUiOjEy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OC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2In19LCJJc1Zpc2libGUiOnRydWUsIldpZHRoIjowLjAsIkhlaWdodCI6MC4wLCJCb3JkZXJTdHlsZSI6bnVsbCwiUGFyZW50U3R5bGUiOm51bGx9LCJEYXRlU3R5bGUiOnsiJGlkIjoiMTA3IiwiRm9udFNldHRpbmdzIjp7IiRpZCI6IjEwOCIsIkZvbnRTaXplIjoxMi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yLCJTaGFwZVRoaWNrbmVzcyI6Mi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2In19LCJJc1Zpc2libGUiOnRydWUsIldpZHRoIjowLjAsIkhlaWdodCI6MC4wLCJCb3JkZXJTdHlsZSI6bnVsbCwiUGFyZW50U3R5bGUiOm51bGx9LCJEdXJhdGlvblN0eWxlIjp7IiRpZCI6IjEyNCIsIkZvbnRTZXR0aW5ncyI6eyIkaWQiOiIxMjUiLCJGb250U2l6ZSI6MTIsIkZvbnROYW1lIjoiQ2FsaWJyaSIsIklzQm9sZCI6ZmFsc2UsIklzSXRhbGljIjpmYWxzZSwiSXNVbmRlcmxpbmVkIjpmYWxzZSwiUGFyZW50U3R5bGUiOm51bGx9LCJBdXRvU2l6ZSI6MCwiRm9yZWdyb3VuZCI6eyIkaWQiOiIxMjYiLCJDb2xvciI6eyIkaWQiOiIxM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cmVmIjoiMzYifX0sIklzVmlzaWJsZSI6dHJ1ZSwiV2lkdGgiOjAuMCwiSGVpZ2h0IjowLjAsIkJvcmRlclN0eWxlIjpudWxsLCJQYXJlbnRTdHlsZSI6bnVsbH0sIkRhdGVGb3JtYXQiOnsiJGlkIjoiMTU5IiwiRm9ybWF0U3RyaW5nIjoiTU1NIGQiLCJTZXBhcmF0b3IiOiIvIiwiVXNlSW50ZXJuYXRpb25hbERhdGVGb3JtYXQiOnRydW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AiLCJUb3AiOjAuMCwiTGVmdCI6MC4wLCJSaWdodCI6MC4wLCJCb3R0b20iOjAuMH0sIlBhZGRpbmciOnsiJGlkIjoiMjAxIiwiVG9wIjowLjAsIkxlZnQiOjAuMCwiUmlnaHQiOjAuMCwiQm90dG9tIjowLjB9LCJCYWNrZ3JvdW5kIjp7IiRpZCI6IjIwMiIsIkNvbG9yIjp7IiRpZCI6IjIwMyIsIkEiOjAsIlIiOjI1NSwiRyI6MjU1LCJCIjoyNTV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IsIkZvbnROYW1lIjoiQ2FsaWJyaSIsIklzQm9sZCI6ZmFsc2UsIklzSXRhbGljIjpmYWxzZSwiSXNVbmRlcmxpbmVkIjpmYWxzZSwiUGFyZW50U3R5bGUiOm51bGx9LCJBdXRvU2l6ZSI6MCwiRm9yZWdyb3VuZCI6eyIkaWQiOiIyMDciLCJDb2xvciI6eyIkaWQiOiIy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aWQiOiIyNDYiLCJDb2xvciI6eyIkaWQiOiIyNDciLCJBIjowLCJSIjoyNTUsIkciOjI1NSwiQiI6MjU1fX0sIklzVmlzaWJsZSI6dHJ1ZSwiV2lkdGgiOjAuMCwiSGVpZ2h0IjowLjAsIkJvcmRlclN0eWxlIjp7IiRpZCI6IjI0OCIsIkxpbmVDb2xvciI6bnVsbCwiTGluZVdlaWdodCI6MC4wLCJMaW5lVHlwZSI6MCwiUGFyZW50U3R5bGUiOm51bGx9LCJQYXJlbnRTdHlsZSI6bnVsbH0sIkRhdGVGb3JtYXQiOnsiJGlkIjoiMj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7IiRpZCI6IjI3MiIsIkNvbG9yIjp7IiRpZCI6IjI3MyIsIkEiOjAsIlIiOjI1NSwiRyI6MjU1LCJCIjoyNTV9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MTIsIkZvbnROYW1lIjoiQ2FsaWJyaSIsIklzQm9sZCI6ZmFsc2UsIklzSXRhbGljIjpmYWxzZSwiSXNVbmRlcmxpbmVkIjpmYWxzZSwiUGFyZW50U3R5bGUiOm51bGx9LCJBdXRvU2l6ZSI6MCwiRm9yZWdyb3VuZCI6eyIkaWQiOiIyNzciLCJDb2xvciI6eyIkaWQiOiIy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TQiLCJUb3AiOjAuMCwiTGVmdCI6MC4wLCJSaWdodCI6MC4wLCJCb3R0b20iOjAuMH0sIlBhZGRpbmciOnsiJGlkIjoiMzE1IiwiVG9wIjowLjAsIkxlZnQiOjAuMCwiUmlnaHQiOjAuMCwiQm90dG9tIjowLjB9LCJCYWNrZ3JvdW5kIjp7IiRpZCI6IjMxNiIsIkNvbG9yIjp7IiRpZCI6IjMxNyIsIkEiOjAsIlIiOjI1NSwiRyI6MjU1LCJCIjoyNTV9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GlkIjoiMzc4IiwiQ29sb3IiOnsiJGlkIjoiMzc5IiwiQSI6MCwiUiI6MjU1LCJHIjoyNTUsIkIiOjI1NX19LCJJc1Zpc2libGUiOnRydWUsIldpZHRoIjowLjAsIkhlaWdodCI6MC4wLCJCb3JkZXJTdHlsZSI6eyIkaWQiOiIzODAiLCJMaW5lQ29sb3IiOm51bGwsIkxpbmVXZWlnaHQiOjAuMCwiTGluZVR5cGUiOjAsIlBhcmVudFN0eWxlIjpudWxsfSwiUGFyZW50U3R5bGUiOm51bGx9LCJEYXRlRm9ybWF0Ijp7IiRpZCI6IjM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MjEiLCJUb3AiOjAuMCwiTGVmdCI6MC4wLCJSaWdodCI6MC4wLCJCb3R0b20iOjAuMH0sIlBhZGRpbmciOnsiJGlkIjoiNDIyIiwiVG9wIjowLjAsIkxlZnQiOjAuMCwiUmlnaHQiOjAuMCwiQm90dG9tIjowLjB9LCJCYWNrZ3JvdW5kIjp7IiRpZCI6IjQyMyIsIkNvbG9yIjp7IiRpZCI6IjQyNCIsIkEiOjAsIlIiOjI1NSwiRyI6MjU1LCJCIjoyNTV9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MTIsIkZvbnROYW1lIjoiQ2FsaWJyaSIsIklzQm9sZCI6ZmFsc2UsIklzSXRhbGljIjpmYWxzZSwiSXNVbmRlcmxpbmVkIjpmYWxzZSwiUGFyZW50U3R5bGUiOm51bGx9LCJBdXRvU2l6ZSI6MiwiRm9yZWdyb3VuZCI6eyIkaWQiOiI0MjgiLCJDb2xvciI6eyIkaWQiOiI0MjkiLCJBIjoyNTUsIlIiOjAsIkciOjAsIkIiOjB9fSwiTWF4V2lkdGgiOjgxLjQ2MDc4NDkxMjEwOTM3NSwiTWF4SGVpZ2h0IjoiSW5maW5pdHkiLCJTbWFydEZvcmVncm91bmRJc0FjdGl2ZSI6ZmFsc2UsIkhvcml6b250YWxBbGlnbm1lbnQiOjA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UuMCxcIkxlZnRcIjowLjAsXCJSaWdodFwiOjAuMCxcIkJvdHRvbVwiOjUuMH0sXCJCYWNrZ3JvdW5kXCI6e1wiJGlkXCI6XCIxNlwiLFwiQ29sb3JcIjp7XCIkaWRcIjpcIjE3XCIsXCJBXCI6MjU1LFwiUlwiOjMxLFwiR1wiOjczLFwiQlwiOjEyNX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1LjAsXCJMZWZ0XCI6MC4wLFwiUmlnaHRcIjowLjAsXCJCb3R0b21cIjo1LjB9LFwiQmFja2dyb3VuZFwiOntcIiRpZFwiOlwiMjRcIixcIkNvbG9yXCI6e1wiJGlkXCI6XCIyNVwiLFwiQVwiOjI1NSxcIlJcIjozMSxcIkdcIjo3MyxcIkJcIjoxMjV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UuMCxcIkJvdHRvbVwiOjAuMH0sXCJQYWRkaW5nXCI6e1wiJGlkXCI6XCIzNFwiLFwiVG9wXCI6MC4wLFwiTGVmdFwiOjAuMCxcIlJpZ2h0XCI6MC4wLFwiQm90dG9tXCI6MC4wfSxcIkJhY2tncm91bmRcIjp7XCIkaWRcIjpcIjM1XCIsXCJDb2xvclwiOntcIiRpZFwiOlwiMzZcIixcIkFcIjo4OS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1LjAsXCJSaWdodFwiOjAuMCxcIkJvdHRvbVwiOjAuMH0sXCJQYWRkaW5nXCI6e1wiJGlkXCI6XCI0MlwiLFwiVG9wXCI6MC4wLFwiTGVmdFwiOjAuMCxcIlJpZ2h0XCI6MC4wLFwiQm90dG9tXCI6MC4wfSxcIkJhY2tncm91bmRcIjp7XCIkaWRcIjpcIjQzXCIsXCJDb2xvclwiOntcIiRyZWZcIjpcIjM2XCJ9fSxcIklzVmlzaWJsZVwiOnRydWUsXCJXaWR0aFwiOjAuMCxcIkhlaWdodFwiOjAuMCxcIkJvcmRlclN0eWxlXCI6bnVsbH0sXCJUb2RheVRleHRTdHlsZVwiOntcIiRpZFwiOlwiNDRcIixcIkZvbnRTZXR0aW5nc1wiOntcIiRpZFwiOlwiNDVcIixcIkZvbnRTaXplXCI6OS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A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C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4OS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0cnVlLFwiRWxhcHNlZFRpbWVGb3JtYXRcIjoyLFwiVG9kYXlNYXJrZXJQb3NpdGlvblwiOjMsXCJRdWlja1Bvc2l0aW9uXCI6MyxcIkFic29sdXRlUG9zaXRpb25cIjoxOTQuNDAwMDA5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MxLFwiR1wiOjczLFwiQlwiOjEy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x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guMCxcIkhlaWdodFwiOjIw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wLFwiU2hhcGVUaGlja25lc3NcIjox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e1wiJGlkXCI6XCIxODJcIixcIlNoYXBlXCI6Mi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MDZcIixcIlRvcFwiOjAuMCxcIkxlZnRcIjowLjAsXCJSaWdodFwiOjAuMCxcIkJvdHRvbVwiOjAuMH0sXCJQYWRkaW5nXCI6e1wiJGlkXCI6XCIyMDdcIixcIlRvcFwiOjAuMCxcIkxlZnRcIjowLjAsXCJSaWdodFwiOjAuMCxcIkJvdHRvbVwiOjAuMH0sXCJCYWNrZ3JvdW5kXCI6e1wiJHJlZlwiOlwiMTEyXCJ9LFwiSXNWaXNpYmxlXCI6dHJ1ZSxcIldpZHRoXCI6MC4wLFwiSGVpZ2h0XCI6MC4wLFwiQm9yZGVyU3R5bGVcIjp7XCIkaWRcIjpcIjIwOFwiLFwiTGluZUNvbG9yXCI6bnVsbCxcIkxpbmVXZWlnaHRcIjowLjAsXCJMaW5lVHlwZVwiOjB9fSxcIkRhdGVGb3JtYXRcIjp7XCIkaWRcIjpcIjIw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zNFwiLFwiVG9wXCI6MC4wLFwiTGVmdFwiOjAuMCxcIlJpZ2h0XCI6MC4wLFwiQm90dG9tXCI6MC4wfSxcIlBhZGRpbmdcIjp7XCIkaWRcIjpcIjIzNVwiLFwiVG9wXCI6MC4wLFwiTGVmdFwiOjAuMCxcIlJpZ2h0XCI6MC4wLFwiQm90dG9tXCI6MC4wfSxcIkJhY2tncm91bmRcIjp7XCIkcmVmXCI6XCIxMTJcIn0sXCJJc1Zpc2libGVcIjp0cnVlLFwiV2lkdGhcIjowLjAsXCJIZWlnaHRcIjowLjAsXCJCb3JkZXJTdHlsZVwiOntcIiRpZFwiOlwiMjM2XCIsXCJMaW5lQ29sb3JcIjpudWxsLFwiTGluZVdlaWdodFwiOjAuMCxcIkxpbmVUeXBlXCI6MH19LFwiRGF0ZUZvcm1hdFwiOntcIiRpZFwiOlwiMjM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YyXCIsXCJUb3BcIjowLjAsXCJMZWZ0XCI6MC4wLFwiUmlnaHRcIjowLjAsXCJCb3R0b21cIjowLjB9LFwiUGFkZGluZ1wiOntcIiRpZFwiOlwiMjYzXCIsXCJUb3BcIjowLjAsXCJMZWZ0XCI6MC4wLFwiUmlnaHRcIjowLjAsXCJCb3R0b21cIjowLjB9LFwiQmFja2dyb3VuZFwiOntcIiRyZWZcIjpcIjExMlwifSxcIklzVmlzaWJsZVwiOnRydWUsXCJXaWR0aFwiOjAuMCxcIkhlaWdodFwiOjAuMCxcIkJvcmRlclN0eWxlXCI6e1wiJGlkXCI6XCIyNjRcIixcIkxpbmVDb2xvclwiOm51bGwsXCJMaW5lV2VpZ2h0XCI6MC4wLFwiTGluZVR5cGVcIjowfX0sXCJEYXRlRm9ybWF0XCI6e1wiJGlkXCI6XCIyN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kwXCIsXCJUb3BcIjowLjAsXCJMZWZ0XCI6MC4wLFwiUmlnaHRcIjowLjAsXCJCb3R0b21cIjowLjB9LFwiUGFkZGluZ1wiOntcIiRpZFwiOlwiMjkxXCIsXCJUb3BcIjowLjAsXCJMZWZ0XCI6MC4wLFwiUmlnaHRcIjowLjAsXCJCb3R0b21cIjowLjB9LFwiQmFja2dyb3VuZFwiOntcIiRyZWZcIjpcIjExMlwifSxcIklzVmlzaWJsZVwiOnRydWUsXCJXaWR0aFwiOjAuMCxcIkhlaWdodFwiOjAuMCxcIkJvcmRlclN0eWxlXCI6e1wiJGlkXCI6XCIyOTJcIixcIkxpbmVDb2xvclwiOm51bGwsXCJMaW5lV2VpZ2h0XCI6MC4wLFwiTGluZVR5cGVcIjowfX0sXCJEYXRlRm9ybWF0XCI6e1wiJGlkXCI6XCIy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E4XCIsXCJUb3BcIjowLjAsXCJMZWZ0XCI6MC4wLFwiUmlnaHRcIjowLjAsXCJCb3R0b21cIjowLjB9LFwiUGFkZGluZ1wiOntcIiRpZFwiOlwiMzE5XCIsXCJUb3BcIjowLjAsXCJMZWZ0XCI6MC4wLFwiUmlnaHRcIjowLjAsXCJCb3R0b21cIjowLjB9LFwiQmFja2dyb3VuZFwiOntcIiRyZWZcIjpcIjExMlwifSxcIklzVmlzaWJsZVwiOnRydWUsXCJXaWR0aFwiOjAuMCxcIkhlaWdodFwiOjAuMCxcIkJvcmRlclN0eWxlXCI6e1wiJGlkXCI6XCIzMjBcIixcIkxpbmVDb2xvclwiOm51bGwsXCJMaW5lV2VpZ2h0XCI6MC4wLFwiTGluZVR5cGVcIjowfX0sXCJEYXRlRm9ybWF0XCI6e1wiJGlkXCI6XCIzMj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0NlwiLFwiVG9wXCI6MC4wLFwiTGVmdFwiOjAuMCxcIlJpZ2h0XCI6MC4wLFwiQm90dG9tXCI6MC4wfSxcIlBhZGRpbmdcIjp7XCIkaWRcIjpcIjM0N1wiLFwiVG9wXCI6MC4wLFwiTGVmdFwiOjAuMCxcIlJpZ2h0XCI6MC4wLFwiQm90dG9tXCI6MC4wfSxcIkJhY2tncm91bmRcIjp7XCIkcmVmXCI6XCIxMTJcIn0sXCJJc1Zpc2libGVcIjp0cnVlLFwiV2lkdGhcIjowLjAsXCJIZWlnaHRcIjowLjAsXCJCb3JkZXJTdHlsZVwiOntcIiRpZFwiOlwiMzQ4XCIsXCJMaW5lQ29sb3JcIjpudWxsLFwiTGluZVdlaWdodFwiOjAuMCxcIkxpbmVUeXBlXCI6MH19LFwiRGF0ZUZvcm1hdFwiOntcIiRpZFwiOlwiMz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3tcIiRpZFwiOlwiMzUwXCIsXCJTaGFwZVwiOjAsXCJTaGFwZVRoaWNrbmVzc1wiOjEsXCJEdXJhdGlvbkZvcm1hdFwiOjAsXCJQZXJjZW50YWdlQ29tcGxldGVTdHlsZVwiOntcIiRpZFwiOlwiMzUxXCIsXCJGb250U2V0dGluZ3NcIjp7XCIkaWRcIjpcIjM1MlwiLFwiRm9udFNpemVcIjoxMCxcIkZvbnROYW1lXCI6XCJDYWxpYnJpXCIsXCJJc0JvbGRcIjpmYWxzZSxcIklzSXRhbGljXCI6ZmFsc2UsXCJJc1VuZGVybGluZWRcIjpmYWxzZX0sXCJBdXRvU2l6ZVwiOjAsXCJGb3JlZ3JvdW5kXCI6e1wiJGlkXCI6XCIzNTN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gzXCIsXCJUb3BcIjowLjAsXCJMZWZ0XCI6MC4wLFwiUmlnaHRcIjowLjAsXCJCb3R0b21cIjowLjB9LFwiUGFkZGluZ1wiOntcIiRpZFwiOlwiMzg0XCIsXCJUb3BcIjowLjAsXCJMZWZ0XCI6MC4wLFwiUmlnaHRcIjowLjAsXCJCb3R0b21cIjowLjB9LFwiQmFja2dyb3VuZFwiOntcIiRyZWZcIjpcIjE1NlwifSxcIklzVmlzaWJsZVwiOnRydWUsXCJXaWR0aFwiOjAuMCxcIkhlaWdodFwiOjAuMCxcIkJvcmRlclN0eWxlXCI6e1wiJGlkXCI6XCIzODVcIixcIkxpbmVDb2xvclwiOm51bGwsXCJMaW5lV2VpZ2h0XCI6MC4wLFwiTGluZVR5cGVcIjowfX0sXCJEYXRlRm9ybWF0XCI6e1wiJGlkXCI6XCIzOD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g3XCIsXCJTaGFwZVwiOjAsXCJTaGFwZVRoaWNrbmVzc1wiOjEsXCJEdXJhdGlvbkZvcm1hdFwiOjAsXCJQZXJjZW50YWdlQ29tcGxldGVTdHlsZVwiOntcIiRpZFwiOlwiMzg4XCIsXCJGb250U2V0dGluZ3NcIjp7XCIkaWRcIjpcIjM4OVwiLFwiRm9udFNpemVcIjoxMCxcIkZvbnROYW1lXCI6XCJDYWxpYnJpXCIsXCJJc0JvbGRcIjpmYWxzZSxcIklzSXRhbGljXCI6ZmFsc2UsXCJJc1VuZGVybGluZWRcIjpmYWxzZX0sXCJBdXRvU2l6ZVwiOjAsXCJGb3JlZ3JvdW5kXCI6e1wiJGlkXCI6XCIzOTB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IwXCIsXCJUb3BcIjowLjAsXCJMZWZ0XCI6MC4wLFwiUmlnaHRcIjowLjAsXCJCb3R0b21cIjowLjB9LFwiUGFkZGluZ1wiOntcIiRpZFwiOlwiNDIxXCIsXCJUb3BcIjowLjAsXCJMZWZ0XCI6MC4wLFwiUmlnaHRcIjowLjAsXCJCb3R0b21cIjowLjB9LFwiQmFja2dyb3VuZFwiOntcIiRyZWZcIjpcIjE1NlwifSxcIklzVmlzaWJsZVwiOnRydWUsXCJXaWR0aFwiOjAuMCxcIkhlaWdodFwiOjAuMCxcIkJvcmRlclN0eWxlXCI6e1wiJGlkXCI6XCI0MjJcIixcIkxpbmVDb2xvclwiOm51bGwsXCJMaW5lV2VpZ2h0XCI6MC4wLFwiTGluZVR5cGVcIjowfX0sXCJEYXRlRm9ybWF0XCI6e1wiJGlkXCI6XCI0Mj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I0XCIsXCJTaGFwZVwiOjAsXCJTaGFwZVRoaWNrbmVzc1wiOjEsXCJEdXJhdGlvbkZvcm1hdFwiOjAsXCJQZXJjZW50YWdlQ29tcGxldGVTdHlsZVwiOntcIiRpZFwiOlwiNDI1XCIsXCJGb250U2V0dGluZ3NcIjp7XCIkaWRcIjpcIjQyNlwiLFwiRm9udFNpemVcIjoxMCxcIkZvbnROYW1lXCI6XCJDYWxpYnJpXCIsXCJJc0JvbGRcIjpmYWxzZSxcIklzSXRhbGljXCI6ZmFsc2UsXCJJc1VuZGVybGluZWRcIjpmYWxzZX0sXCJBdXRvU2l6ZVwiOjAsXCJGb3JlZ3JvdW5kXCI6e1wiJGlkXCI6XCI0Mjd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I4XCJ9LFwiSXNWaXNpYmxlXCI6dHJ1ZSxcIldpZHRoXCI6MC4wLFwiSGVpZ2h0XCI6MC4wLFwiQm9yZGVyU3R5bGVcIjp7XCIkaWRcIjpcIjQzN1wiLFwiTGluZUNvbG9yXCI6bnVsbCxcIkxpbmVXZWlnaHRcIjowLjAsXCJMaW5lVHlwZVwiOjB9fSxcIkhvcml6b250YWxDb25uZWN0b3JTdHlsZVwiOntcIiRpZFwiOlwiNDM4XCIsXCJMaW5lQ29sb3JcIjp7XCIkcmVmXCI6XCIxMzBcIn0sXCJMaW5lV2VpZ2h0XCI6MS4wLFwiTGluZVR5cGVcIjowfSxcIlZlcnRpY2FsQ29ubmVjdG9yU3R5bGVcIjp7XCIkaWRcIjpcIjQzOV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U3XCIsXCJUb3BcIjowLjAsXCJMZWZ0XCI6MC4wLFwiUmlnaHRcIjowLjAsXCJCb3R0b21cIjowLjB9LFwiUGFkZGluZ1wiOntcIiRpZFwiOlwiNDU4XCIsXCJUb3BcIjowLjAsXCJMZWZ0XCI6MC4wLFwiUmlnaHRcIjowLjAsXCJCb3R0b21cIjowLjB9LFwiQmFja2dyb3VuZFwiOntcIiRyZWZcIjpcIjE1NlwifSxcIklzVmlzaWJsZVwiOnRydWUsXCJXaWR0aFwiOjAuMCxcIkhlaWdodFwiOjAuMCxcIkJvcmRlclN0eWxlXCI6e1wiJGlkXCI6XCI0NTlcIixcIkxpbmVDb2xvclwiOm51bGwsXCJMaW5lV2VpZ2h0XCI6MC4wLFwiTGluZVR5cGVcIjowfX0sXCJEYXRlRm9ybWF0XCI6e1wiJGlkXCI6XCI0Nj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YxXCIsXCJTaGFwZVwiOjIsXCJTaGFwZVRoaWNrbmVzc1wiOjEsXCJEdXJhdGlvbkZvcm1hdFwiOjAsXCJQZXJjZW50YWdlQ29tcGxldGVTdHlsZVwiOntcIiRpZFwiOlwiNDYyXCIsXCJGb250U2V0dGluZ3NcIjp7XCIkaWRcIjpcIjQ2M1wiLFwiRm9udFNpemVcIjoxMCxcIkZvbnROYW1lXCI6XCJDYWxpYnJpXCIsXCJJc0JvbGRcIjpmYWxzZSxcIklzSXRhbGljXCI6ZmFsc2UsXCJJc1VuZGVybGluZWRcIjpmYWxzZX0sXCJBdXRvU2l6ZVwiOjAsXCJGb3JlZ3JvdW5kXCI6e1wiJGlkXCI6XCI0NjR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TRcIixcIlRvcFwiOjAuMCxcIkxlZnRcIjowLjAsXCJSaWdodFwiOjAuMCxcIkJvdHRvbVwiOjAuMH0sXCJQYWRkaW5nXCI6e1wiJGlkXCI6XCI0OTVcIixcIlRvcFwiOjAuMCxcIkxlZnRcIjowLjAsXCJSaWdodFwiOjAuMCxcIkJvdHRvbVwiOjAuMH0sXCJCYWNrZ3JvdW5kXCI6e1wiJHJlZlwiOlwiMTU2XCJ9LFwiSXNWaXNpYmxlXCI6dHJ1ZSxcIldpZHRoXCI6MC4wLFwiSGVpZ2h0XCI6MC4wLFwiQm9yZGVyU3R5bGVcIjp7XCIkaWRcIjpcIjQ5NlwiLFwiTGluZUNvbG9yXCI6bnVsbCxcIkxpbmVXZWlnaHRcIjowLjAsXCJMaW5lVHlwZVwiOjB9fSxcIkRhdGVGb3JtYXRcIjp7XCIkaWRcIjpcIjQ5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OThcIixcIlNoYXBlXCI6MCxcIlNoYXBlVGhpY2tuZXNzXCI6MSxcIkR1cmF0aW9uRm9ybWF0XCI6MCxcIlBlcmNlbnRhZ2VDb21wbGV0ZVN0eWxlXCI6e1wiJGlkXCI6XCI0OTlcIixcIkZvbnRTZXR0aW5nc1wiOntcIiRpZFwiOlwiNTAwXCIsXCJGb250U2l6ZVwiOjEwLFwiRm9udE5hbWVcIjpcIkNhbGlicmlcIixcIklzQm9sZFwiOmZhbHNlLFwiSXNJdGFsaWNcIjpmYWxzZSxcIklzVW5kZXJsaW5lZFwiOmZhbHNlfSxcIkF1dG9TaXplXCI6MCxcIkZvcmVncm91bmRcIjp7XCIkaWRcIjpcIjUwM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zMVwiLFwiVG9wXCI6MC4wLFwiTGVmdFwiOjAuMCxcIlJpZ2h0XCI6MC4wLFwiQm90dG9tXCI6MC4wfSxcIlBhZGRpbmdcIjp7XCIkaWRcIjpcIjUzMlwiLFwiVG9wXCI6MC4wLFwiTGVmdFwiOjAuMCxcIlJpZ2h0XCI6MC4wLFwiQm90dG9tXCI6MC4wfSxcIkJhY2tncm91bmRcIjp7XCIkcmVmXCI6XCIxNTZcIn0sXCJJc1Zpc2libGVcIjp0cnVlLFwiV2lkdGhcIjowLjAsXCJIZWlnaHRcIjowLjAsXCJCb3JkZXJTdHlsZVwiOntcIiRpZFwiOlwiNTMzXCIsXCJMaW5lQ29sb3JcIjpudWxsLFwiTGluZVdlaWdodFwiOjAuMCxcIkxpbmVUeXBlXCI6MH19LFwiRGF0ZUZvcm1hdFwiOntcIiRpZFwiOlwiNTM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zNVwiLFwiU2hhcGVcIjozLFwiU2hhcGVUaGlja25lc3NcIjoxLFwiRHVyYXRpb25Gb3JtYXRcIjowLFwiUGVyY2VudGFnZUNvbXBsZXRlU3R5bGVcIjp7XCIkaWRcIjpcIjUzNlwiLFwiRm9udFNldHRpbmdzXCI6e1wiJGlkXCI6XCI1MzdcIixcIkZvbnRTaXplXCI6MTAsXCJGb250TmFtZVwiOlwiQ2FsaWJyaVwiLFwiSXNCb2xkXCI6ZmFsc2UsXCJJc0l0YWxpY1wiOmZhbHNlLFwiSXNVbmRlcmxpbmVkXCI6ZmFsc2V9LFwiQXV0b1NpemVcIjowLFwiRm9yZWdyb3VuZFwiOntcIiRpZFwiOlwiNTM4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2OFwiLFwiVG9wXCI6MC4wLFwiTGVmdFwiOjAuMCxcIlJpZ2h0XCI6MC4wLFwiQm90dG9tXCI6MC4wfSxcIlBhZGRpbmdcIjp7XCIkaWRcIjpcIjU2OVwiLFwiVG9wXCI6MC4wLFwiTGVmdFwiOjAuMCxcIlJpZ2h0XCI6MC4wLFwiQm90dG9tXCI6MC4wfSxcIkJhY2tncm91bmRcIjp7XCIkcmVmXCI6XCIxNTZcIn0sXCJJc1Zpc2libGVcIjp0cnVlLFwiV2lkdGhcIjowLjAsXCJIZWlnaHRcIjowLjAsXCJCb3JkZXJTdHlsZVwiOntcIiRpZFwiOlwiNTcwXCIsXCJMaW5lQ29sb3JcIjpudWxsLFwiTGluZVdlaWdodFwiOjAuMCxcIkxpbmVUeXBlXCI6MH19LFwiRGF0ZUZvcm1hdFwiOntcIiRpZFwiOlwiNT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TMiLCJVc2VUaW1lIjpmYWxzZSwiV29ya0RheVN0YXJ0IjoiMDA6MDA6MDAiLCJXb3JrRGF5RW5kIjoiMjM6NTk6MDAifSwiTGFzdFVzZWRUZW1wbGF0ZUlkIjoiOTkwZGUwMDItNjcxMC00NDJhLTk3ZDItOGQ0MTZjYzc2NjJh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icio Despliegue"/>
  <p:tag name="OTLPOSITIONONTASK" val="None"/>
  <p:tag name="OTLRELATEDTASKID" val="00000000-0000-0000-0000-000000000000"/>
  <p:tag name="OTLDATE" val="2022-04-28T23:59:00.0000000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THREEDEFFECTS" val="Gel"/>
  <p:tag name="OTLTIMEBANDAUTODATERANGE" val="True"/>
  <p:tag name="OTLTIMEBANDSTARTDATE" val="2018-01-10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Custom"/>
  <p:tag name="OTLTIMEBANDSCALETYPE" val="Months"/>
  <p:tag name="OTLTIMEBANDENDDATE" val="2022-05-23T23:59:00.0000000Z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GoLive"/>
  <p:tag name="OTLDATE" val="2022-05-09T23:59:00.0000000"/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Cierre de &#10;Proyecto"/>
  <p:tag name="OTLDATE" val="2022-06-03T23:59:00.0000000"/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icio Pruebas Integrales"/>
  <p:tag name="OTLPOSITIONONTASK" val="None"/>
  <p:tag name="OTLRELATEDTASKID" val="00000000-0000-0000-0000-000000000000"/>
  <p:tag name="OTLDATE" val="2022-04-05T23:59:00.0000000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pZCI6IjE0IiwiVG9wIjowLjAsIkxlZnQiOjEyLjAsIlJpZ2h0IjoxMi4wLCJCb3R0b20iOjAuMH0sIlBhZGRpbmciOnsiJGlkIjoiMTUiLCJUb3AiOjUuMCwiTGVmdCI6MC4wLCJSaWdodCI6MC4wLCJCb3R0b20iOjUuMH0sIkJhY2tncm91bmQiOnsiJGlkIjoiMTYiLCJDb2xvciI6eyIkaWQiOiIxNyIsIkEiOjI1NSwiUiI6MzEsIkciOjczLCJCIjoxMjV9fSwiSXNWaXNpYmxlIjp0cnVlLCJXaWR0aCI6ODU4LjAsIkhlaWdodCI6Mz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1LjAsIlJpZ2h0IjowLjAsIkJvdHRvbSI6MC4wfSwiUGFkZGluZyI6eyIkaWQiOiI0MiIsIlRvcCI6MC4wLCJMZWZ0IjowLjAsIlJpZ2h0IjowLjAsIkJvdHRvbSI6MC4wfSwiQmFja2dyb3VuZCI6eyIkaWQiOiI0MyIsIkNvbG9yIjp7IiRyZWYiOiIzNiJ9fSwiSXNWaXNpYmxlIjpmYWxzZSwiV2lkdGgiOjAuMCwiSGVpZ2h0IjowLjAsIkJvcmRlclN0eWxlIjpudWxsLCJQYXJlbnRTdHlsZSI6bnVsbH0sIlRvZGF5VGV4dFN0eWxlIjp7IiRpZCI6IjQ0IiwiRm9udFNldHRpbmdzIjp7IiRpZCI6IjQ1IiwiRm9udFNpemUiOjE2LCJGb250TmFtZSI6IkNhbGlicmkiLCJJc0JvbGQiOnRydW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wLCJIZWlnaHQiOjAuMH0sIk1pZGRsZVRpZXJTY2FsZVN0eWxlIjp7IiRpZCI6IjY0IiwiU2hhcGUiOjAsIlNob3dTZWdtZW50U2VwYXJhdG9ycyI6dHJ1ZSwiU2VnbWVudFNlcGFyYXRvck9wYWNpdHkiOjMwLCJIYXNCZWVuVmlzaWJsZUJlZm9yZSI6ZmFsc2UsIkZvbnRTZXR0aW5ncyI6eyIkaWQiOiI2NSIsIkZvbnRTaXplIjoxMiwiRm9udE5hbWUiOiJDYWxpYnJpIiwiSXNCb2xkIjpmYWxzZSwiSXNJdGFsaWMiOmZhbHNlLCJJc1VuZGVybGluZWQiOmZhbHNlLCJQYXJlbnRTdHlsZSI6bnVsbH0sIkF1dG9TaXplIjowLCJGb3JlZ3JvdW5kIjp7IiRpZCI6IjY2IiwiQ29sb3IiOnsiJGlkIjoiN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giLCJUb3AiOjAuMCwiTGVmdCI6NS4wLCJSaWdodCI6MC4wLCJCb3R0b20iOjAuMH0sIlBhZGRpbmciOnsiJGlkIjoiNjkiLCJUb3AiOjAuMCwiTGVmdCI6MC4wLCJSaWdodCI6MC4wLCJCb3R0b20iOjAuMH0sIkJhY2tncm91bmQiOnsiJGlkIjoiNzAiLCJDb2xvciI6eyIkaWQiOiI3MSIsIkEiOjg5LCJSIjowLCJHIjowLCJCIjowfX0sIklzVmlzaWJsZSI6ZmFsc2UsIldpZHRoIjowLjAsIkhlaWdodCI6MC4wLCJCb3JkZXJTdHlsZSI6bnVsbCwiUGFyZW50U3R5bGUiOm51bGx9LCJCb3R0b21UaWVyU2NhbGVTdHlsZSI6eyIkaWQiOiI3MiIsIlNoYXBlIjowLCJTaG93U2VnbWVudFNlcGFyYXRvcnMiOnRydW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yLCJTcGFjaW5nIjox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TExLCJHIjo0OSwiQiI6MTUyfX0sIklzVmlzaWJsZSI6dHJ1ZSwiV2lkdGgiOjE4LjAsIkhlaWdodCI6MTguMCwiQm9yZGVyU3R5bGUiOnsiJGlkIjoiOTciLCJMaW5lQ29sb3IiOnsiJGlkIjoiOTgiLCIkdHlwZSI6Ik5MUkUuQ29tbW9uLkRvbS5Tb2xpZENvbG9yQnJ1c2gsIE5MUkUuQ29tbW9uIiwiQ29sb3IiOnsiJGlkIjoiOTkiLCJBIjoyNTUsIlIiOjI1NSwiRyI6MCwiQiI6MH19LCJMaW5lV2VpZ2h0IjowLjAsIkxpbmVUeXBlIjowLCJQYXJlbnRTdHlsZSI6bnVsbH0sIlBhcmVudFN0eWxlIjpudWxsfSwiVGl0bGVTdHlsZSI6eyIkaWQiOiIxMDAiLCJGb250U2V0dGluZ3MiOnsiJGlkIjoiMTAxIiwiRm9udFNpemUiOjE4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MzYifX0sIklzVmlzaWJsZSI6dHJ1ZSwiV2lkdGgiOjAuMCwiSGVpZ2h0IjowLjAsIkJvcmRlclN0eWxlIjpudWxsLCJQYXJlbnRTdHlsZSI6bnVsbH0sIkRhdGVTdHlsZSI6eyIkaWQiOiIxMDciLCJGb250U2V0dGluZ3MiOnsiJGlkIjoiMTA4IiwiRm9udFNpemUiOjEy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zNiJ9fSwiSXNWaXNpYmxlIjp0cnVlLCJXaWR0aCI6MC4wLCJIZWlnaHQiOjAuMCwiQm9yZGVyU3R5bGUiOm51bGwsIlBhcmVudFN0eWxlIjpudWxsfSwiRGF0ZUZvcm1hdCI6eyIkaWQiOiIx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YifX0sIklzVmlzaWJsZSI6dHJ1ZSwiV2lkdGgiOjAuMCwiSGVpZ2h0IjowLjAsIkJvcmRlclN0eWxlIjpudWxsLCJQYXJlbnRTdHlsZSI6bnVsbH0sIkR1cmF0aW9uU3R5bGUiOnsiJGlkIjoiMTI0IiwiRm9udFNldHRpbmdzIjp7IiRpZCI6IjEyNSIsIkZvbnRTaXplIjoxMiwiRm9udE5hbWUiOiJDYWxpYnJpIiwiSXNCb2xkIjpmYWxzZSwiSXNJdGFsaWMiOmZhbHNlLCJJc1VuZGVybGluZWQiOmZhbHNlLCJQYXJlbnRTdHlsZSI6bnVsbH0sIkF1dG9TaXplIjowLCJGb3JlZ3JvdW5kIjp7IiRpZCI6IjEyNiIsIkNvbG9yIjp7IiRpZCI6IjEy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OSIsIlRvcCI6MC4wLCJMZWZ0IjowLjAsIlJpZ2h0IjowLjAsIkJvdHRvbSI6MC4wfSwiUGFkZGluZyI6eyIkaWQiOiIxNTAiLCJUb3AiOjAuMCwiTGVmdCI6MC4wLCJSaWdodCI6MC4wLCJCb3R0b20iOjAuMH0sIkJhY2tncm91bmQiOnsiJGlkIjoiMTUxIiwiQ29sb3IiOnsiJHJlZiI6IjM2In19LCJJc1Zpc2libGUiOnRydWUsIldpZHRoIjowLjAsIkhlaWdodCI6MC4wLCJCb3JkZXJTdHlsZSI6bnVsbCwiUGFyZW50U3R5bGUiOm51bGx9LCJEYXRlU3R5bGUiOnsiJGlkIjoiMTUyIiwiRm9udFNldHRpbmdzIjp7IiRpZCI6IjE1MyIsIkZvbnRTaXplIjoxMiwiRm9udE5hbWUiOiJDYWxpYnJpIiwiSXNCb2xkIjpmYWxz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dHJ1ZSwiRGF0ZUlzVmlzaWJsZSI6dHJ1ZSwiVGltZUlzVmlzaWJsZSI6ZmFsc2UsIkhvdXJEaWdpdHMiOjEsIkFtUG1EZXNpZ25hdG9yIjoyLCJUcmltMDBNaW51dGVzIjpmYWxzZSwiTGFzdEtub3duVmlzaWJpbGl0eVN0YXRlIjpudWxsfSwiV2Vla051bWJlcmluZyI6eyIkaWQiOiIxNjAiLCJGb3JtYXQiOjAsIklzVmlzaWJsZSI6ZmFsc2UsIkxhc3RLbm93blZpc2liaWxpdHlTdGF0ZSI6ZmFsc2V9LCJJc1Zpc2libGUiOnRydWUsIlBhcmVudFN0eWxlIjpudWxsLCJfZXhwbGljaXRseVNldCI6eyIkaWQiOiIxN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2MiIsIkdyaWRsaW5lU3R5bGUiOnsiJGlkIjoiMTYzIiwiTGluZUNvbG9yIjp7IiRpZCI6IjE2NCIsIiR0eXBlIjoiTkxSRS5Db21tb24uRG9tLlNvbGlkQ29sb3JCcnVzaCwgTkxSRS5Db21tb24iLCJDb2xvciI6eyIkaWQiOiIxNjUiLCJBIjozOCwiUiI6OTEsIkciOjE1NSwiQiI6MjEzfX0sIkxpbmVXZWlnaHQiOjEuMCwiTGluZVR5cGUiOjA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AiLCJUb3AiOjAuMCwiTGVmdCI6MC4wLCJSaWdodCI6MC4wLCJCb3R0b20iOjAuMH0sIlBhZGRpbmciOnsiJGlkIjoiMjAxIiwiVG9wIjowLjAsIkxlZnQiOjAuMCwiUmlnaHQiOjAuMCwiQm90dG9tIjowLjB9LCJCYWNrZ3JvdW5kIjp7IiRpZCI6IjIwMiIsIkNvbG9yIjp7IiRpZCI6IjIwMyIsIkEiOjAsIlIiOjI1NSwiRyI6MjU1LCJCIjoyNTV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IsIkZvbnROYW1lIjoiQ2FsaWJyaSIsIklzQm9sZCI6ZmFsc2UsIklzSXRhbGljIjpmYWxzZSwiSXNVbmRlcmxpbmVkIjpmYWxzZSwiUGFyZW50U3R5bGUiOm51bGx9LCJBdXRvU2l6ZSI6MCwiRm9yZWdyb3VuZCI6eyIkaWQiOiIyMDciLCJDb2xvciI6eyIkaWQiOiIy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aWQiOiIyNDYiLCJDb2xvciI6eyIkaWQiOiIyNDciLCJBIjowLCJSIjoyNTUsIkciOjI1NSwiQiI6MjU1fX0sIklzVmlzaWJsZSI6dHJ1ZSwiV2lkdGgiOjAuMCwiSGVpZ2h0IjowLjAsIkJvcmRlclN0eWxlIjp7IiRpZCI6IjI0OCIsIkxpbmVDb2xvciI6bnVsbCwiTGluZVdlaWdodCI6MC4wLCJMaW5lVHlwZSI6MCwiUGFyZW50U3R5bGUiOm51bGx9LCJQYXJlbnRTdHlsZSI6bnVsbH0sIkRhdGVGb3JtYXQiOnsiJGlkIjoiMj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cwIiwiVG9wIjowLjAsIkxlZnQiOjAuMCwiUmlnaHQiOjAuMCwiQm90dG9tIjowLjB9LCJQYWRkaW5nIjp7IiRpZCI6IjI3MSIsIlRvcCI6MC4wLCJMZWZ0IjowLjAsIlJpZ2h0IjowLjAsIkJvdHRvbSI6MC4w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y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GlkIjoiMzc4IiwiQ29sb3IiOnsiJGlkIjoiMzc5IiwiQSI6MCwiUiI6MjU1LCJHIjoyNTUsIkIiOjI1NX19LCJJc1Zpc2libGUiOnRydWUsIldpZHRoIjowLjAsIkhlaWdodCI6MC4wLCJCb3JkZXJTdHlsZSI6eyIkaWQiOiIzODAiLCJMaW5lQ29sb3IiOm51bGwsIkxpbmVXZWlnaHQiOjAuMCwiTGluZVR5cGUiOjAsIlBhcmVudFN0eWxlIjpudWxsfSwiUGFyZW50U3R5bGUiOm51bGx9LCJEYXRlRm9ybWF0Ijp7IiRpZCI6IjM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UuMCxcIkxlZnRcIjowLjAsXCJSaWdodFwiOjAuMCxcIkJvdHRvbVwiOjUuMH0sXCJCYWNrZ3JvdW5kXCI6e1wiJGlkXCI6XCIxNlwiLFwiQ29sb3JcIjp7XCIkaWRcIjpcIjE3XCIsXCJBXCI6MjU1LFwiUlwiOjMxLFwiR1wiOjczLFwiQlwiOjEyNX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1LjAsXCJMZWZ0XCI6MC4wLFwiUmlnaHRcIjowLjAsXCJCb3R0b21cIjo1LjB9LFwiQmFja2dyb3VuZFwiOntcIiRpZFwiOlwiMjRcIixcIkNvbG9yXCI6e1wiJGlkXCI6XCIyNVwiLFwiQVwiOjI1NSxcIlJcIjozMSxcIkdcIjo3MyxcIkJcIjoxMjV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UuMCxcIkJvdHRvbVwiOjAuMH0sXCJQYWRkaW5nXCI6e1wiJGlkXCI6XCIzNFwiLFwiVG9wXCI6MC4wLFwiTGVmdFwiOjAuMCxcIlJpZ2h0XCI6MC4wLFwiQm90dG9tXCI6MC4wfSxcIkJhY2tncm91bmRcIjp7XCIkaWRcIjpcIjM1XCIsXCJDb2xvclwiOntcIiRpZFwiOlwiMzZcIixcIkFcIjo4OS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1LjAsXCJSaWdodFwiOjAuMCxcIkJvdHRvbVwiOjAuMH0sXCJQYWRkaW5nXCI6e1wiJGlkXCI6XCI0MlwiLFwiVG9wXCI6MC4wLFwiTGVmdFwiOjAuMCxcIlJpZ2h0XCI6MC4wLFwiQm90dG9tXCI6MC4wfSxcIkJhY2tncm91bmRcIjp7XCIkaWRcIjpcIjQzXCIsXCJDb2xvclwiOntcIiRyZWZcIjpcIjM2XCJ9fSxcIklzVmlzaWJsZVwiOnRydWUsXCJXaWR0aFwiOjAuMCxcIkhlaWdodFwiOjAuMCxcIkJvcmRlclN0eWxlXCI6bnVsbH0sXCJUb2RheVRleHRTdHlsZVwiOntcIiRpZFwiOlwiNDRcIixcIkZvbnRTZXR0aW5nc1wiOntcIiRpZFwiOlwiNDVcIixcIkZvbnRTaXplXCI6OS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A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C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4OS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0cnVlLFwiRWxhcHNlZFRpbWVGb3JtYXRcIjoyLFwiVG9kYXlNYXJrZXJQb3NpdGlvblwiOjMsXCJRdWlja1Bvc2l0aW9uXCI6MyxcIkFic29sdXRlUG9zaXRpb25cIjoxOTQuNDAwMDA5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MxLFwiR1wiOjczLFwiQlwiOjEy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x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guMCxcIkhlaWdodFwiOjIw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wLFwiU2hhcGVUaGlja25lc3NcIjox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e1wiJGlkXCI6XCIxODJcIixcIlNoYXBlXCI6Mi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MDZcIixcIlRvcFwiOjAuMCxcIkxlZnRcIjowLjAsXCJSaWdodFwiOjAuMCxcIkJvdHRvbVwiOjAuMH0sXCJQYWRkaW5nXCI6e1wiJGlkXCI6XCIyMDdcIixcIlRvcFwiOjAuMCxcIkxlZnRcIjowLjAsXCJSaWdodFwiOjAuMCxcIkJvdHRvbVwiOjAuMH0sXCJCYWNrZ3JvdW5kXCI6e1wiJHJlZlwiOlwiMTEyXCJ9LFwiSXNWaXNpYmxlXCI6dHJ1ZSxcIldpZHRoXCI6MC4wLFwiSGVpZ2h0XCI6MC4wLFwiQm9yZGVyU3R5bGVcIjp7XCIkaWRcIjpcIjIwOFwiLFwiTGluZUNvbG9yXCI6bnVsbCxcIkxpbmVXZWlnaHRcIjowLjAsXCJMaW5lVHlwZVwiOjB9fSxcIkRhdGVGb3JtYXRcIjp7XCIkaWRcIjpcIjIw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zNFwiLFwiVG9wXCI6MC4wLFwiTGVmdFwiOjAuMCxcIlJpZ2h0XCI6MC4wLFwiQm90dG9tXCI6MC4wfSxcIlBhZGRpbmdcIjp7XCIkaWRcIjpcIjIzNVwiLFwiVG9wXCI6MC4wLFwiTGVmdFwiOjAuMCxcIlJpZ2h0XCI6MC4wLFwiQm90dG9tXCI6MC4wfSxcIkJhY2tncm91bmRcIjp7XCIkcmVmXCI6XCIxMTJcIn0sXCJJc1Zpc2libGVcIjp0cnVlLFwiV2lkdGhcIjowLjAsXCJIZWlnaHRcIjowLjAsXCJCb3JkZXJTdHlsZVwiOntcIiRpZFwiOlwiMjM2XCIsXCJMaW5lQ29sb3JcIjpudWxsLFwiTGluZVdlaWdodFwiOjAuMCxcIkxpbmVUeXBlXCI6MH19LFwiRGF0ZUZvcm1hdFwiOntcIiRpZFwiOlwiMjM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YyXCIsXCJUb3BcIjowLjAsXCJMZWZ0XCI6MC4wLFwiUmlnaHRcIjowLjAsXCJCb3R0b21cIjowLjB9LFwiUGFkZGluZ1wiOntcIiRpZFwiOlwiMjYzXCIsXCJUb3BcIjowLjAsXCJMZWZ0XCI6MC4wLFwiUmlnaHRcIjowLjAsXCJCb3R0b21cIjowLjB9LFwiQmFja2dyb3VuZFwiOntcIiRyZWZcIjpcIjExMlwifSxcIklzVmlzaWJsZVwiOnRydWUsXCJXaWR0aFwiOjAuMCxcIkhlaWdodFwiOjAuMCxcIkJvcmRlclN0eWxlXCI6e1wiJGlkXCI6XCIyNjRcIixcIkxpbmVDb2xvclwiOm51bGwsXCJMaW5lV2VpZ2h0XCI6MC4wLFwiTGluZVR5cGVcIjowfX0sXCJEYXRlRm9ybWF0XCI6e1wiJGlkXCI6XCIyN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kwXCIsXCJUb3BcIjowLjAsXCJMZWZ0XCI6MC4wLFwiUmlnaHRcIjowLjAsXCJCb3R0b21cIjowLjB9LFwiUGFkZGluZ1wiOntcIiRpZFwiOlwiMjkxXCIsXCJUb3BcIjowLjAsXCJMZWZ0XCI6MC4wLFwiUmlnaHRcIjowLjAsXCJCb3R0b21cIjowLjB9LFwiQmFja2dyb3VuZFwiOntcIiRyZWZcIjpcIjExMlwifSxcIklzVmlzaWJsZVwiOnRydWUsXCJXaWR0aFwiOjAuMCxcIkhlaWdodFwiOjAuMCxcIkJvcmRlclN0eWxlXCI6e1wiJGlkXCI6XCIyOTJcIixcIkxpbmVDb2xvclwiOm51bGwsXCJMaW5lV2VpZ2h0XCI6MC4wLFwiTGluZVR5cGVcIjowfX0sXCJEYXRlRm9ybWF0XCI6e1wiJGlkXCI6XCIy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E4XCIsXCJUb3BcIjowLjAsXCJMZWZ0XCI6MC4wLFwiUmlnaHRcIjowLjAsXCJCb3R0b21cIjowLjB9LFwiUGFkZGluZ1wiOntcIiRpZFwiOlwiMzE5XCIsXCJUb3BcIjowLjAsXCJMZWZ0XCI6MC4wLFwiUmlnaHRcIjowLjAsXCJCb3R0b21cIjowLjB9LFwiQmFja2dyb3VuZFwiOntcIiRyZWZcIjpcIjExMlwifSxcIklzVmlzaWJsZVwiOnRydWUsXCJXaWR0aFwiOjAuMCxcIkhlaWdodFwiOjAuMCxcIkJvcmRlclN0eWxlXCI6e1wiJGlkXCI6XCIzMjBcIixcIkxpbmVDb2xvclwiOm51bGwsXCJMaW5lV2VpZ2h0XCI6MC4wLFwiTGluZVR5cGVcIjowfX0sXCJEYXRlRm9ybWF0XCI6e1wiJGlkXCI6XCIzMj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0NlwiLFwiVG9wXCI6MC4wLFwiTGVmdFwiOjAuMCxcIlJpZ2h0XCI6MC4wLFwiQm90dG9tXCI6MC4wfSxcIlBhZGRpbmdcIjp7XCIkaWRcIjpcIjM0N1wiLFwiVG9wXCI6MC4wLFwiTGVmdFwiOjAuMCxcIlJpZ2h0XCI6MC4wLFwiQm90dG9tXCI6MC4wfSxcIkJhY2tncm91bmRcIjp7XCIkcmVmXCI6XCIxMTJcIn0sXCJJc1Zpc2libGVcIjp0cnVlLFwiV2lkdGhcIjowLjAsXCJIZWlnaHRcIjowLjAsXCJCb3JkZXJTdHlsZVwiOntcIiRpZFwiOlwiMzQ4XCIsXCJMaW5lQ29sb3JcIjpudWxsLFwiTGluZVdlaWdodFwiOjAuMCxcIkxpbmVUeXBlXCI6MH19LFwiRGF0ZUZvcm1hdFwiOntcIiRpZFwiOlwiMz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3tcIiRpZFwiOlwiMzUwXCIsXCJTaGFwZVwiOjAsXCJTaGFwZVRoaWNrbmVzc1wiOjEsXCJEdXJhdGlvbkZvcm1hdFwiOjAsXCJQZXJjZW50YWdlQ29tcGxldGVTdHlsZVwiOntcIiRpZFwiOlwiMzUxXCIsXCJGb250U2V0dGluZ3NcIjp7XCIkaWRcIjpcIjM1MlwiLFwiRm9udFNpemVcIjoxMCxcIkZvbnROYW1lXCI6XCJDYWxpYnJpXCIsXCJJc0JvbGRcIjpmYWxzZSxcIklzSXRhbGljXCI6ZmFsc2UsXCJJc1VuZGVybGluZWRcIjpmYWxzZX0sXCJBdXRvU2l6ZVwiOjAsXCJGb3JlZ3JvdW5kXCI6e1wiJGlkXCI6XCIzNTN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gzXCIsXCJUb3BcIjowLjAsXCJMZWZ0XCI6MC4wLFwiUmlnaHRcIjowLjAsXCJCb3R0b21cIjowLjB9LFwiUGFkZGluZ1wiOntcIiRpZFwiOlwiMzg0XCIsXCJUb3BcIjowLjAsXCJMZWZ0XCI6MC4wLFwiUmlnaHRcIjowLjAsXCJCb3R0b21cIjowLjB9LFwiQmFja2dyb3VuZFwiOntcIiRyZWZcIjpcIjE1NlwifSxcIklzVmlzaWJsZVwiOnRydWUsXCJXaWR0aFwiOjAuMCxcIkhlaWdodFwiOjAuMCxcIkJvcmRlclN0eWxlXCI6e1wiJGlkXCI6XCIzODVcIixcIkxpbmVDb2xvclwiOm51bGwsXCJMaW5lV2VpZ2h0XCI6MC4wLFwiTGluZVR5cGVcIjowfX0sXCJEYXRlRm9ybWF0XCI6e1wiJGlkXCI6XCIzOD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g3XCIsXCJTaGFwZVwiOjAsXCJTaGFwZVRoaWNrbmVzc1wiOjEsXCJEdXJhdGlvbkZvcm1hdFwiOjAsXCJQZXJjZW50YWdlQ29tcGxldGVTdHlsZVwiOntcIiRpZFwiOlwiMzg4XCIsXCJGb250U2V0dGluZ3NcIjp7XCIkaWRcIjpcIjM4OVwiLFwiRm9udFNpemVcIjoxMCxcIkZvbnROYW1lXCI6XCJDYWxpYnJpXCIsXCJJc0JvbGRcIjpmYWxzZSxcIklzSXRhbGljXCI6ZmFsc2UsXCJJc1VuZGVybGluZWRcIjpmYWxzZX0sXCJBdXRvU2l6ZVwiOjAsXCJGb3JlZ3JvdW5kXCI6e1wiJGlkXCI6XCIzOTB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IwXCIsXCJUb3BcIjowLjAsXCJMZWZ0XCI6MC4wLFwiUmlnaHRcIjowLjAsXCJCb3R0b21cIjowLjB9LFwiUGFkZGluZ1wiOntcIiRpZFwiOlwiNDIxXCIsXCJUb3BcIjowLjAsXCJMZWZ0XCI6MC4wLFwiUmlnaHRcIjowLjAsXCJCb3R0b21cIjowLjB9LFwiQmFja2dyb3VuZFwiOntcIiRyZWZcIjpcIjE1NlwifSxcIklzVmlzaWJsZVwiOnRydWUsXCJXaWR0aFwiOjAuMCxcIkhlaWdodFwiOjAuMCxcIkJvcmRlclN0eWxlXCI6e1wiJGlkXCI6XCI0MjJcIixcIkxpbmVDb2xvclwiOm51bGwsXCJMaW5lV2VpZ2h0XCI6MC4wLFwiTGluZVR5cGVcIjowfX0sXCJEYXRlRm9ybWF0XCI6e1wiJGlkXCI6XCI0Mj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I0XCIsXCJTaGFwZVwiOjAsXCJTaGFwZVRoaWNrbmVzc1wiOjEsXCJEdXJhdGlvbkZvcm1hdFwiOjAsXCJQZXJjZW50YWdlQ29tcGxldGVTdHlsZVwiOntcIiRpZFwiOlwiNDI1XCIsXCJGb250U2V0dGluZ3NcIjp7XCIkaWRcIjpcIjQyNlwiLFwiRm9udFNpemVcIjoxMCxcIkZvbnROYW1lXCI6XCJDYWxpYnJpXCIsXCJJc0JvbGRcIjpmYWxzZSxcIklzSXRhbGljXCI6ZmFsc2UsXCJJc1VuZGVybGluZWRcIjpmYWxzZX0sXCJBdXRvU2l6ZVwiOjAsXCJGb3JlZ3JvdW5kXCI6e1wiJGlkXCI6XCI0Mjd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I4XCJ9LFwiSXNWaXNpYmxlXCI6dHJ1ZSxcIldpZHRoXCI6MC4wLFwiSGVpZ2h0XCI6MC4wLFwiQm9yZGVyU3R5bGVcIjp7XCIkaWRcIjpcIjQzN1wiLFwiTGluZUNvbG9yXCI6bnVsbCxcIkxpbmVXZWlnaHRcIjowLjAsXCJMaW5lVHlwZVwiOjB9fSxcIkhvcml6b250YWxDb25uZWN0b3JTdHlsZVwiOntcIiRpZFwiOlwiNDM4XCIsXCJMaW5lQ29sb3JcIjp7XCIkcmVmXCI6XCIxMzBcIn0sXCJMaW5lV2VpZ2h0XCI6MS4wLFwiTGluZVR5cGVcIjowfSxcIlZlcnRpY2FsQ29ubmVjdG9yU3R5bGVcIjp7XCIkaWRcIjpcIjQzOV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U3XCIsXCJUb3BcIjowLjAsXCJMZWZ0XCI6MC4wLFwiUmlnaHRcIjowLjAsXCJCb3R0b21cIjowLjB9LFwiUGFkZGluZ1wiOntcIiRpZFwiOlwiNDU4XCIsXCJUb3BcIjowLjAsXCJMZWZ0XCI6MC4wLFwiUmlnaHRcIjowLjAsXCJCb3R0b21cIjowLjB9LFwiQmFja2dyb3VuZFwiOntcIiRyZWZcIjpcIjE1NlwifSxcIklzVmlzaWJsZVwiOnRydWUsXCJXaWR0aFwiOjAuMCxcIkhlaWdodFwiOjAuMCxcIkJvcmRlclN0eWxlXCI6e1wiJGlkXCI6XCI0NTlcIixcIkxpbmVDb2xvclwiOm51bGwsXCJMaW5lV2VpZ2h0XCI6MC4wLFwiTGluZVR5cGVcIjowfX0sXCJEYXRlRm9ybWF0XCI6e1wiJGlkXCI6XCI0Nj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YxXCIsXCJTaGFwZVwiOjIsXCJTaGFwZVRoaWNrbmVzc1wiOjEsXCJEdXJhdGlvbkZvcm1hdFwiOjAsXCJQZXJjZW50YWdlQ29tcGxldGVTdHlsZVwiOntcIiRpZFwiOlwiNDYyXCIsXCJGb250U2V0dGluZ3NcIjp7XCIkaWRcIjpcIjQ2M1wiLFwiRm9udFNpemVcIjoxMCxcIkZvbnROYW1lXCI6XCJDYWxpYnJpXCIsXCJJc0JvbGRcIjpmYWxzZSxcIklzSXRhbGljXCI6ZmFsc2UsXCJJc1VuZGVybGluZWRcIjpmYWxzZX0sXCJBdXRvU2l6ZVwiOjAsXCJGb3JlZ3JvdW5kXCI6e1wiJGlkXCI6XCI0NjR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TRcIixcIlRvcFwiOjAuMCxcIkxlZnRcIjowLjAsXCJSaWdodFwiOjAuMCxcIkJvdHRvbVwiOjAuMH0sXCJQYWRkaW5nXCI6e1wiJGlkXCI6XCI0OTVcIixcIlRvcFwiOjAuMCxcIkxlZnRcIjowLjAsXCJSaWdodFwiOjAuMCxcIkJvdHRvbVwiOjAuMH0sXCJCYWNrZ3JvdW5kXCI6e1wiJHJlZlwiOlwiMTU2XCJ9LFwiSXNWaXNpYmxlXCI6dHJ1ZSxcIldpZHRoXCI6MC4wLFwiSGVpZ2h0XCI6MC4wLFwiQm9yZGVyU3R5bGVcIjp7XCIkaWRcIjpcIjQ5NlwiLFwiTGluZUNvbG9yXCI6bnVsbCxcIkxpbmVXZWlnaHRcIjowLjAsXCJMaW5lVHlwZVwiOjB9fSxcIkRhdGVGb3JtYXRcIjp7XCIkaWRcIjpcIjQ5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OThcIixcIlNoYXBlXCI6MCxcIlNoYXBlVGhpY2tuZXNzXCI6MSxcIkR1cmF0aW9uRm9ybWF0XCI6MCxcIlBlcmNlbnRhZ2VDb21wbGV0ZVN0eWxlXCI6e1wiJGlkXCI6XCI0OTlcIixcIkZvbnRTZXR0aW5nc1wiOntcIiRpZFwiOlwiNTAwXCIsXCJGb250U2l6ZVwiOjEwLFwiRm9udE5hbWVcIjpcIkNhbGlicmlcIixcIklzQm9sZFwiOmZhbHNlLFwiSXNJdGFsaWNcIjpmYWxzZSxcIklzVW5kZXJsaW5lZFwiOmZhbHNlfSxcIkF1dG9TaXplXCI6MCxcIkZvcmVncm91bmRcIjp7XCIkaWRcIjpcIjUwM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zMVwiLFwiVG9wXCI6MC4wLFwiTGVmdFwiOjAuMCxcIlJpZ2h0XCI6MC4wLFwiQm90dG9tXCI6MC4wfSxcIlBhZGRpbmdcIjp7XCIkaWRcIjpcIjUzMlwiLFwiVG9wXCI6MC4wLFwiTGVmdFwiOjAuMCxcIlJpZ2h0XCI6MC4wLFwiQm90dG9tXCI6MC4wfSxcIkJhY2tncm91bmRcIjp7XCIkcmVmXCI6XCIxNTZcIn0sXCJJc1Zpc2libGVcIjp0cnVlLFwiV2lkdGhcIjowLjAsXCJIZWlnaHRcIjowLjAsXCJCb3JkZXJTdHlsZVwiOntcIiRpZFwiOlwiNTMzXCIsXCJMaW5lQ29sb3JcIjpudWxsLFwiTGluZVdlaWdodFwiOjAuMCxcIkxpbmVUeXBlXCI6MH19LFwiRGF0ZUZvcm1hdFwiOntcIiRpZFwiOlwiNTM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zNVwiLFwiU2hhcGVcIjozLFwiU2hhcGVUaGlja25lc3NcIjoxLFwiRHVyYXRpb25Gb3JtYXRcIjowLFwiUGVyY2VudGFnZUNvbXBsZXRlU3R5bGVcIjp7XCIkaWRcIjpcIjUzNlwiLFwiRm9udFNldHRpbmdzXCI6e1wiJGlkXCI6XCI1MzdcIixcIkZvbnRTaXplXCI6MTAsXCJGb250TmFtZVwiOlwiQ2FsaWJyaVwiLFwiSXNCb2xkXCI6ZmFsc2UsXCJJc0l0YWxpY1wiOmZhbHNlLFwiSXNVbmRlcmxpbmVkXCI6ZmFsc2V9LFwiQXV0b1NpemVcIjowLFwiRm9yZWdyb3VuZFwiOntcIiRpZFwiOlwiNTM4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2OFwiLFwiVG9wXCI6MC4wLFwiTGVmdFwiOjAuMCxcIlJpZ2h0XCI6MC4wLFwiQm90dG9tXCI6MC4wfSxcIlBhZGRpbmdcIjp7XCIkaWRcIjpcIjU2OVwiLFwiVG9wXCI6MC4wLFwiTGVmdFwiOjAuMCxcIlJpZ2h0XCI6MC4wLFwiQm90dG9tXCI6MC4wfSxcIkJhY2tncm91bmRcIjp7XCIkcmVmXCI6XCIxNTZcIn0sXCJJc1Zpc2libGVcIjp0cnVlLFwiV2lkdGhcIjowLjAsXCJIZWlnaHRcIjowLjAsXCJCb3JkZXJTdHlsZVwiOntcIiRpZFwiOlwiNTcwXCIsXCJMaW5lQ29sb3JcIjpudWxsLFwiTGluZVdlaWdodFwiOjAuMCxcIkxpbmVUeXBlXCI6MH19LFwiRGF0ZUZvcm1hdFwiOntcIiRpZFwiOlwiNT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TMiLCJVc2VUaW1lIjpmYWxzZSwiV29ya0RheVN0YXJ0IjoiMDA6MDA6MDAiLCJXb3JrRGF5RW5kIjoiMjM6NTk6MDAifSwiTGFzdFVzZWRUZW1wbGF0ZUlkIjoiOTkwZGUwMDItNjcxMC00NDJhLTk3ZDItOGQ0MTZjYzc2NjJhIiwiRmlyc3RXZWVrT2ZZZWFyIjowLCJQbGFjZU1pbGVzdG9uZUF0VGhlQmVnaW5uaW5nT2ZUaGVEYXkiOmZhbHNlfQ=="/>
  <p:tag name="__MASTER" val="__part_0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Thick"/>
  <p:tag name="OTLSTARTDATE" val="2022-03-21T00:00:00.0000000Z"/>
  <p:tag name="OTLPERCENTAGE" val="0"/>
  <p:tag name="OTLENDDATE" val="2022-04-01T23:59:00.0000000Z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Thick"/>
  <p:tag name="OTLPERCENTAGE" val="0"/>
  <p:tag name="OTLSTARTDATE" val="2022-04-04T00:00:00.0000000Z"/>
  <p:tag name="OTLENDDATE" val="2022-04-12T23:59:00.0000000Z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DATEFORMATUSEUS" val="False"/>
  <p:tag name="OTLSHAPETHICKNESSTYPE" val="Thick"/>
  <p:tag name="OTLSTARTDATE" val="2022-04-13T00:00:00.0000000Z"/>
  <p:tag name="OTLENDDATE" val="2022-04-25T23:59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Thick"/>
  <p:tag name="OTLSTARTDATE" val="2022-04-26T00:00:00.0000000Z"/>
  <p:tag name="OTLENDDATE" val="2022-05-23T23:59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icio Despliegue"/>
  <p:tag name="OTLPOSITIONONTASK" val="None"/>
  <p:tag name="OTLRELATEDTASKID" val="00000000-0000-0000-0000-000000000000"/>
  <p:tag name="OTLDATE" val="2022-04-13T23:59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GoLive"/>
  <p:tag name="OTLDATE" val="2022-04-26T23:59:00.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Cierre de &#10;Proyecto"/>
  <p:tag name="OTLDATE" val="2022-05-23T23:59:00.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icio Pruebas Integrales"/>
  <p:tag name="OTLDATE" val="2022-04-04T23:59:00.0000000"/>
  <p:tag name="OTLPOSITIONONTASK" val="None"/>
  <p:tag name="OTLRELATEDTASKID" val="00000000-0000-0000-0000-00000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pZCI6IjE0IiwiVG9wIjowLjAsIkxlZnQiOjEyLjAsIlJpZ2h0IjoxMi4wLCJCb3R0b20iOjAuMH0sIlBhZGRpbmciOnsiJGlkIjoiMTUiLCJUb3AiOjUuMCwiTGVmdCI6MC4wLCJSaWdodCI6MC4wLCJCb3R0b20iOjUuMH0sIkJhY2tncm91bmQiOnsiJGlkIjoiMTYiLCJDb2xvciI6eyIkaWQiOiIxNyIsIkEiOjI1NSwiUiI6MzEsIkciOjczLCJCIjoxMjV9fSwiSXNWaXNpYmxlIjp0cnVlLCJXaWR0aCI6ODU4LjAsIkhlaWdodCI6Mz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1LjAsIlJpZ2h0IjowLjAsIkJvdHRvbSI6MC4wfSwiUGFkZGluZyI6eyIkaWQiOiI0MiIsIlRvcCI6MC4wLCJMZWZ0IjowLjAsIlJpZ2h0IjowLjAsIkJvdHRvbSI6MC4wfSwiQmFja2dyb3VuZCI6eyIkaWQiOiI0MyIsIkNvbG9yIjp7IiRyZWYiOiIzNiJ9fSwiSXNWaXNpYmxlIjp0cnVlLCJXaWR0aCI6MC4wLCJIZWlnaHQiOjAuMCwiQm9yZGVyU3R5bGUiOm51bGwsIlBhcmVudFN0eWxlIjpudWxsfSwiVG9kYXlUZXh0U3R5bGUiOnsiJGlkIjoiNDQiLCJGb250U2V0dGluZ3MiOnsiJGlkIjoiNDUiLCJGb250U2l6ZSI6MTYsIkZvbnROYW1lIjoiQ2FsaWJyaSIsIklzQm9sZCI6dHJ1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CwiU2hvd1NlZ21lbnRTZXBhcmF0b3JzIjp0cnVlLCJTZWdtZW50U2VwYXJhdG9yT3BhY2l0eSI6MzAsIkhhc0JlZW5WaXNpYmxlQmVmb3JlIjp0cnVlLCJGb250U2V0dGluZ3MiOnsiJGlkIjoiNTciLCJGb250U2l6ZSI6MTQ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w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4OSwiUiI6MCwiRyI6MCwiQiI6MH19LCJJc1Zpc2libGUiOmZhbHNlLCJXaWR0aCI6MC4wLCJIZWlnaHQiOjAuMCwiQm9yZGVyU3R5bGUiOm51bGwsIlBhcmVudFN0eWxlIjpudWxsfSwiQm90dG9tVGllclNjYWxlU3R5bGUiOnsiJGlkIjoiNzIiLCJTaGFwZSI6MCwiU2hvd1NlZ21lbnRTZXBhcmF0b3JzIjp0cnVlLCJTZWdtZW50U2VwYXJhdG9yT3BhY2l0eSI6MzAsIkhhc0JlZW5WaXNpYmxlQmVmb3JlIjpmYWxzZSwiRm9udFNldHRpbmdzIjp7IiRpZCI6IjczIiwiRm9udFNpemUiOjEy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3OSwiRyI6MTI5LCJCIjoxODl9fSwiTGluZVdlaWdodCI6MS4wLCJMaW5lVHlwZSI6MCwiUGFyZW50U3R5bGUiOm51bGx9LCJJc0JlbG93VGltZWJhbmQiOmZhbHNlLCJQb3NpdGlvbk9uVGFzayI6MCwiSGlkZURhdGUiOmZhbHNlLCJTaGFwZVNpemUiOjIsIlNwYWNpbmciOjE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xMTEsIkciOjQ5LCJCIjoxNTJ9fSwiSXNWaXNpYmxlIjp0cnVlLCJXaWR0aCI6MTguMCwiSGVpZ2h0IjoxO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g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IsIkZvbnROYW1lIjoiQ2FsaWJyaS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RGVmYXVsdFRhc2tTdHlsZSI6eyIkaWQiOiIxMTYiLCJTaGFwZSI6MiwiU2hhcGVUaGlja25lc3MiOjIsIkR1cmF0aW9uRm9ybWF0IjowLCJJbmNsdWRlTm9uV29ya2luZ0RheXNJbkR1cmF0aW9uIjpmYWxzZSwiUGVyY2VudGFnZUNvbXBsZ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yZWYiOiIzNiJ9fSwiSXNWaXNpYmxlIjp0cnVlLCJXaWR0aCI6MC4wLCJIZWlnaHQiOjAuMCwiQm9yZGVyU3R5bGUiOm51bGwsIlBhcmVudFN0eWxlIjpudWxsfSwiRHVyYXRpb25TdHlsZSI6eyIkaWQiOiIxMjQiLCJGb250U2V0dGluZ3MiOnsiJGlkIjoiMTI1IiwiRm9udFNpemUiOjEyLCJGb250TmFtZSI6IkNhbGlicmkiLCJJc0JvbGQiOmZhbHN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EwLCJJc0JlbG93VGltZWJhbmQiOnRydW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jI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4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yLCJGb250TmFtZSI6IkNhbGlicmkiLCJJc0JvbGQiOmZhbHNlLCJJc0l0YWxpYyI6ZmFsc2UsIklzVW5kZXJsaW5lZCI6ZmFsc2UsIlBhcmVudFN0eWxlIjpudWxsfSwiQXV0b1NpemUiOjAsIkZvcmVncm91bmQiOnsiJGlkIjoiMTU0IiwiQ29sb3IiOnsiJGlkIjoiMTU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yIiwiR3JpZGxpbmVTdHlsZSI6eyIkaWQiOiIxNjMiLCJMaW5lQ29sb3IiOnsiJGlkIjoiMTY0IiwiJHR5cGUiOiJOTFJFLkNvbW1vbi5Eb20uU29saWRDb2xvckJydXNoLCBOTFJFLkNvbW1vbiIsIkNvbG9yIjp7IiRpZCI6IjE2NSIsIkEiOjM4LCJSIjo5MSwiRyI6MTU1LCJCIjoyMTN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7IiRpZCI6IjIxMSIsIkNvbG9yIjp7IiRpZCI6IjIxMiIsIkEiOjAsIlIiOjI1NSwiRyI6MjU1LCJCIjoyNTV9fSwiSXNWaXNpYmxlIjp0cnVlLCJXaWR0aCI6MC4wLCJIZWlnaHQiOjAuMCwiQm9yZGVyU3R5bGUiOnsiJGlkIjoiMjEzIiwiTGluZUNvbG9yIjpudWxsLCJMaW5lV2VpZ2h0IjowLjAsIkxpbmVUeXBlIjowLCJQYXJlbnRTdHlsZSI6bnVsbH0sIlBhcmVudFN0eWxlIjpudWxsfSwiRGF0ZUZvcm1hdCI6eyIkaWQiOiIy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UiLCJUb3AiOjAuMCwiTGVmdCI6MC4wLCJSaWdodCI6MC4wLCJCb3R0b20iOjAuMH0sIlBhZGRpbmciOnsiJGlkIjoiMjM2IiwiVG9wIjowLjAsIkxlZnQiOjAuMCwiUmlnaHQiOjAuMCwiQm90dG9tIjowLjB9LCJCYWNrZ3JvdW5kIjp7IiRpZCI6IjIzNyIsIkNvbG9yIjp7IiRpZCI6IjIzOCIsIkEiOjAsIlIiOjI1NSwiRyI6MjU1LCJCIjoyNTV9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I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cwIiwiVG9wIjowLjAsIkxlZnQiOjAuMCwiUmlnaHQiOjAuMCwiQm90dG9tIjowLjB9LCJQYWRkaW5nIjp7IiRpZCI6IjI3MSIsIlRvcCI6MC4wLCJMZWZ0IjowLjAsIlJpZ2h0IjowLjAsIkJvdHRvbSI6MC4w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y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i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zNzgiLCJDb2xvciI6eyIkaWQiOiIzNzkiLCJBIjowLCJSIjoyNTUsIkciOjI1NSwiQiI6MjU1fX0sIklzVmlzaWJsZSI6dHJ1ZSwiV2lkdGgiOjAuMCwiSGVpZ2h0IjowLjAsIkJvcmRlclN0eWxlIjp7IiRpZCI6IjM4MCIsIkxpbmVDb2xvciI6bnVsbCwiTGluZVdlaWdodCI6MC4wLCJMaW5lVHlwZSI6MCwiUGFyZW50U3R5bGUiOm51bGx9LCJQYXJlbnRTdHlsZSI6bnVsbH0sIkRhdGVGb3JtYXQiOnsiJGlkIjoiMz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MjEiLCJUb3AiOjAuMCwiTGVmdCI6MC4wLCJSaWdodCI6MC4wLCJCb3R0b20iOjAuMH0sIlBhZGRpbmciOnsiJGlkIjoiNDIyIiwiVG9wIjowLjAsIkxlZnQiOjAuMCwiUmlnaHQiOjAuMCwiQm90dG9tIjowLjB9LCJCYWNrZ3JvdW5kIjp7IiRpZCI6IjQyMyIsIkNvbG9yIjp7IiRpZCI6IjQyNCIsIkEiOjAsIlIiOjI1NSwiRyI6MjU1LCJCIjoyNTV9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MTIsIkZvbnROYW1lIjoiQ2FsaWJyaSIsIklzQm9sZCI6ZmFsc2UsIklzSXRhbGljIjpmYWxzZSwiSXNVbmRlcmxpbmVkIjpmYWxzZSwiUGFyZW50U3R5bGUiOm51bGx9LCJBdXRvU2l6ZSI6MiwiRm9yZWdyb3VuZCI6eyIkaWQiOiI0MjgiLCJDb2xvciI6eyIkaWQiOiI0MjkiLCJBIjoyNTUsIlIiOjAsIkciOjAsIkIiOjB9fSwiTWF4V2lkdGgiOjgxLjQ2MDc4NDkxMjEwOTM3NSwiTWF4SGVpZ2h0IjoiSW5maW5pdHkiLCJTbWFydEZvcmVncm91bmRJc0FjdGl2ZSI6ZmFsc2UsIkhvcml6b250YWxBbGlnbm1lbnQiOjA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EyLCJGb250TmFtZSI6IkNhbGlicmkiLCJJc0JvbGQiOmZhbHNlLCJJc0l0YWxpYyI6ZmFsc2UsIklzVW5kZXJsaW5lZCI6ZmFsc2UsIlBhcmVudFN0eWxlIjpudWxsfSwiQXV0b1NpemUiOjIsIkZvcmVncm91bmQiOnsiJGlkIjoiNTg0IiwiQ29sb3IiOnsiJGlkIjoiNTg1IiwiQSI6MjU1LCJSIjowLCJHIjowLCJCIjowfX0sIk1heFdpZHRoIjo4MS4wNzczMjM5MTM1NzQyMTksIk1heEhlaWdodCI6IkluZmluaXR5IiwiU21hcnRGb3JlZ3JvdW5kSXNBY3RpdmUiOmZhbHNlLCJIb3Jpem9udGFsQWxpZ25tZW50Ijow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1LjAsXCJMZWZ0XCI6MC4wLFwiUmlnaHRcIjowLjAsXCJCb3R0b21cIjo1LjB9LFwiQmFja2dyb3VuZFwiOntcIiRpZFwiOlwiMTZcIixcIkNvbG9yXCI6e1wiJGlkXCI6XCIxN1wiLFwiQVwiOjI1NSxcIlJcIjozMSxcIkdcIjo3MyxcIkJcIjoxMjV9fSxcIklzVmlzaWJsZVwiOnRydWUsXCJXaWR0aFwiOjg1OC4wLFwiSGVpZ2h0XCI6Mz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IuMCxcIlJpZ2h0XCI6MTIuMCxcIkJvdHRvbVwiOjAuMH0sXCJQYWRkaW5nXCI6e1wiJGlkXCI6XCIyM1wiLFwiVG9wXCI6NS4wLFwiTGVmdFwiOjAuMCxcIlJpZ2h0XCI6MC4wLFwiQm90dG9tXCI6NS4wfSxcIkJhY2tncm91bmRcIjp7XCIkaWRcIjpcIjI0XCIsXCJDb2xvclwiOntcIiRpZFwiOlwiMjVcIixcIkFcIjoyNTUsXCJSXCI6MzEsXCJHXCI6NzMsXCJCXCI6MTI1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1LjAsXCJCb3R0b21cIjowLjB9LFwiUGFkZGluZ1wiOntcIiRpZFwiOlwiMzRcIixcIlRvcFwiOjAuMCxcIkxlZnRcIjowLjAsXCJSaWdodFwiOjAuMCxcIkJvdHRvbVwiOjAuMH0sXCJCYWNrZ3JvdW5kXCI6e1wiJGlkXCI6XCIzNVwiLFwiQ29sb3JcIjp7XCIkaWRcIjpcIjM2XCIsXCJBXCI6ODk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NS4wLFwiUmlnaHRcIjowLjAsXCJCb3R0b21cIjowLjB9LFwiUGFkZGluZ1wiOntcIiRpZFwiOlwiNDJcIixcIlRvcFwiOjAuMCxcIkxlZnRcIjowLjAsXCJSaWdodFwiOjAuMCxcIkJvdHRvbVwiOjAuMH0sXCJCYWNrZ3JvdW5kXCI6e1wiJGlkXCI6XCI0M1wiLFwiQ29sb3JcIjp7XCIkcmVmXCI6XCIzNlwifX0sXCJJc1Zpc2libGVcIjp0cnVlLFwiV2lkdGhcIjowLjAsXCJIZWlnaHRcIjowLjAsXCJCb3JkZXJTdHlsZVwiOm51bGx9LFwiVG9kYXlUZXh0U3R5bGVcIjp7XCIkaWRcIjpcIjQ0XCIsXCJGb250U2V0dGluZ3NcIjp7XCIkaWRcIjpcIjQ1XCIsXCJGb250U2l6ZVwiOjk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A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w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A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dHJ1ZSxcIkVsYXBzZWRUaW1lRm9ybWF0XCI6MixcIlRvZGF5TWFya2VyUG9zaXRpb25cIjozLFwiUXVpY2tQb3NpdGlvblwiOjMsXCJBYnNvbHV0ZVBvc2l0aW9uXCI6MTk0LjQwMDAwOS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zMSxcIkdcIjo3MyxcIkJcIjoxMjV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C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Y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A2XCIsXCJUb3BcIjowLjAsXCJMZWZ0XCI6MC4wLFwiUmlnaHRcIjowLjAsXCJCb3R0b21cIjowLjB9LFwiUGFkZGluZ1wiOntcIiRpZFwiOlwiMjA3XCIsXCJUb3BcIjowLjAsXCJMZWZ0XCI6MC4wLFwiUmlnaHRcIjowLjAsXCJCb3R0b21cIjowLjB9LFwiQmFja2dyb3VuZFwiOntcIiRyZWZcIjpcIjExMlwifSxcIklzVmlzaWJsZVwiOnRydWUsXCJXaWR0aFwiOjAuMCxcIkhlaWdodFwiOjAuMCxcIkJvcmRlclN0eWxlXCI6e1wiJGlkXCI6XCIyMDhcIixcIkxpbmVDb2xvclwiOm51bGwsXCJMaW5lV2VpZ2h0XCI6MC4wLFwiTGluZVR5cGVcIjowfX0sXCJEYXRlRm9ybWF0XCI6e1wiJGlkXCI6XCIyM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MzRcIixcIlRvcFwiOjAuMCxcIkxlZnRcIjowLjAsXCJSaWdodFwiOjAuMCxcIkJvdHRvbVwiOjAuMH0sXCJQYWRkaW5nXCI6e1wiJGlkXCI6XCIyMzVcIixcIlRvcFwiOjAuMCxcIkxlZnRcIjowLjAsXCJSaWdodFwiOjAuMCxcIkJvdHRvbVwiOjAuMH0sXCJCYWNrZ3JvdW5kXCI6e1wiJHJlZlwiOlwiMTEyXCJ9LFwiSXNWaXNpYmxlXCI6dHJ1ZSxcIldpZHRoXCI6MC4wLFwiSGVpZ2h0XCI6MC4wLFwiQm9yZGVyU3R5bGVcIjp7XCIkaWRcIjpcIjIzNlwiLFwiTGluZUNvbG9yXCI6bnVsbCxcIkxpbmVXZWlnaHRcIjowLjAsXCJMaW5lVHlwZVwiOjB9fSxcIkRhdGVGb3JtYXRcIjp7XCIkaWRcIjpcIjIz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2MlwiLFwiVG9wXCI6MC4wLFwiTGVmdFwiOjAuMCxcIlJpZ2h0XCI6MC4wLFwiQm90dG9tXCI6MC4wfSxcIlBhZGRpbmdcIjp7XCIkaWRcIjpcIjI2M1wiLFwiVG9wXCI6MC4wLFwiTGVmdFwiOjAuMCxcIlJpZ2h0XCI6MC4wLFwiQm90dG9tXCI6MC4wfSxcIkJhY2tncm91bmRcIjp7XCIkcmVmXCI6XCIxMTJcIn0sXCJJc1Zpc2libGVcIjp0cnVlLFwiV2lkdGhcIjowLjAsXCJIZWlnaHRcIjowLjAsXCJCb3JkZXJTdHlsZVwiOntcIiRpZFwiOlwiMjY0XCIsXCJMaW5lQ29sb3JcIjpudWxsLFwiTGluZVdlaWdodFwiOjAuMCxcIkxpbmVUeXBlXCI6MH19LFwiRGF0ZUZvcm1hdFwiOntcIiRpZFwiOlwiMj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5MFwiLFwiVG9wXCI6MC4wLFwiTGVmdFwiOjAuMCxcIlJpZ2h0XCI6MC4wLFwiQm90dG9tXCI6MC4wfSxcIlBhZGRpbmdcIjp7XCIkaWRcIjpcIjI5MVwiLFwiVG9wXCI6MC4wLFwiTGVmdFwiOjAuMCxcIlJpZ2h0XCI6MC4wLFwiQm90dG9tXCI6MC4wfSxcIkJhY2tncm91bmRcIjp7XCIkcmVmXCI6XCIxMTJcIn0sXCJJc1Zpc2libGVcIjp0cnVlLFwiV2lkdGhcIjowLjAsXCJIZWlnaHRcIjowLjAsXCJCb3JkZXJTdHlsZVwiOntcIiRpZFwiOlwiMjkyXCIsXCJMaW5lQ29sb3JcIjpudWxsLFwiTGluZVdlaWdodFwiOjAuMCxcIkxpbmVUeXBlXCI6MH19LFwiRGF0ZUZvcm1hdFwiOntcIiRpZFwiOlwiMjk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xOFwiLFwiVG9wXCI6MC4wLFwiTGVmdFwiOjAuMCxcIlJpZ2h0XCI6MC4wLFwiQm90dG9tXCI6MC4wfSxcIlBhZGRpbmdcIjp7XCIkaWRcIjpcIjMxOVwiLFwiVG9wXCI6MC4wLFwiTGVmdFwiOjAuMCxcIlJpZ2h0XCI6MC4wLFwiQm90dG9tXCI6MC4wfSxcIkJhY2tncm91bmRcIjp7XCIkcmVmXCI6XCIxMTJcIn0sXCJJc1Zpc2libGVcIjp0cnVlLFwiV2lkdGhcIjowLjAsXCJIZWlnaHRcIjowLjAsXCJCb3JkZXJTdHlsZVwiOntcIiRpZFwiOlwiMzIwXCIsXCJMaW5lQ29sb3JcIjpudWxsLFwiTGluZVdlaWdodFwiOjAuMCxcIkxpbmVUeXBlXCI6MH19LFwiRGF0ZUZvcm1hdFwiOntcIiRpZFwiOlwiMzI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DZcIixcIlRvcFwiOjAuMCxcIkxlZnRcIjowLjAsXCJSaWdodFwiOjAuMCxcIkJvdHRvbVwiOjAuMH0sXCJQYWRkaW5nXCI6e1wiJGlkXCI6XCIzNDdcIixcIlRvcFwiOjAuMCxcIkxlZnRcIjowLjAsXCJSaWdodFwiOjAuMCxcIkJvdHRvbVwiOjAuMH0sXCJCYWNrZ3JvdW5kXCI6e1wiJHJlZlwiOlwiMTEyXCJ9LFwiSXNWaXNpYmxlXCI6dHJ1ZSxcIldpZHRoXCI6MC4wLFwiSGVpZ2h0XCI6MC4wLFwiQm9yZGVyU3R5bGVcIjp7XCIkaWRcIjpcIjM0OFwiLFwiTGluZUNvbG9yXCI6bnVsbCxcIkxpbmVXZWlnaHRcIjowLjAsXCJMaW5lVHlwZVwiOjB9fSxcIkRhdGVGb3JtYXRcIjp7XCIkaWRcIjpcIjM0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M1MFwiLFwiU2hhcGVcIjowLFwiU2hhcGVUaGlja25lc3NcIjoxLFwiRHVyYXRpb25Gb3JtYXRcIjowLFwiUGVyY2VudGFnZUNvbXBsZXRlU3R5bGVcIjp7XCIkaWRcIjpcIjM1MVwiLFwiRm9udFNldHRpbmdzXCI6e1wiJGlkXCI6XCIzNTJcIixcIkZvbnRTaXplXCI6MTAsXCJGb250TmFtZVwiOlwiQ2FsaWJyaVwiLFwiSXNCb2xkXCI6ZmFsc2UsXCJJc0l0YWxpY1wiOmZhbHNlLFwiSXNVbmRlcmxpbmVkXCI6ZmFsc2V9LFwiQXV0b1NpemVcIjowLFwiRm9yZWdyb3VuZFwiOntcIiRpZFwiOlwiMzU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4M1wiLFwiVG9wXCI6MC4wLFwiTGVmdFwiOjAuMCxcIlJpZ2h0XCI6MC4wLFwiQm90dG9tXCI6MC4wfSxcIlBhZGRpbmdcIjp7XCIkaWRcIjpcIjM4NFwiLFwiVG9wXCI6MC4wLFwiTGVmdFwiOjAuMCxcIlJpZ2h0XCI6MC4wLFwiQm90dG9tXCI6MC4wfSxcIkJhY2tncm91bmRcIjp7XCIkcmVmXCI6XCIxNTZcIn0sXCJJc1Zpc2libGVcIjp0cnVlLFwiV2lkdGhcIjowLjAsXCJIZWlnaHRcIjowLjAsXCJCb3JkZXJTdHlsZVwiOntcIiRpZFwiOlwiMzg1XCIsXCJMaW5lQ29sb3JcIjpudWxsLFwiTGluZVdlaWdodFwiOjAuMCxcIkxpbmVUeXBlXCI6MH19LFwiRGF0ZUZvcm1hdFwiOntcIiRpZFwiOlwiMzg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4N1wiLFwiU2hhcGVcIjowLFwiU2hhcGVUaGlja25lc3NcIjoxLFwiRHVyYXRpb25Gb3JtYXRcIjowLFwiUGVyY2VudGFnZUNvbXBsZXRlU3R5bGVcIjp7XCIkaWRcIjpcIjM4OFwiLFwiRm9udFNldHRpbmdzXCI6e1wiJGlkXCI6XCIzODlcIixcIkZvbnRTaXplXCI6MTAsXCJGb250TmFtZVwiOlwiQ2FsaWJyaVwiLFwiSXNCb2xkXCI6ZmFsc2UsXCJJc0l0YWxpY1wiOmZhbHNlLFwiSXNVbmRlcmxpbmVkXCI6ZmFsc2V9LFwiQXV0b1NpemVcIjowLFwiRm9yZWdyb3VuZFwiOntcIiRpZFwiOlwiMzk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yMFwiLFwiVG9wXCI6MC4wLFwiTGVmdFwiOjAuMCxcIlJpZ2h0XCI6MC4wLFwiQm90dG9tXCI6MC4wfSxcIlBhZGRpbmdcIjp7XCIkaWRcIjpcIjQyMVwiLFwiVG9wXCI6MC4wLFwiTGVmdFwiOjAuMCxcIlJpZ2h0XCI6MC4wLFwiQm90dG9tXCI6MC4wfSxcIkJhY2tncm91bmRcIjp7XCIkcmVmXCI6XCIxNTZcIn0sXCJJc1Zpc2libGVcIjp0cnVlLFwiV2lkdGhcIjowLjAsXCJIZWlnaHRcIjowLjAsXCJCb3JkZXJTdHlsZVwiOntcIiRpZFwiOlwiNDIyXCIsXCJMaW5lQ29sb3JcIjpudWxsLFwiTGluZVdlaWdodFwiOjAuMCxcIkxpbmVUeXBlXCI6MH19LFwiRGF0ZUZvcm1hdFwiOntcIiRpZFwiOlwiNDI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yNFwiLFwiU2hhcGVcIjowLFwiU2hhcGVUaGlja25lc3NcIjoxLFwiRHVyYXRpb25Gb3JtYXRcIjowLFwiUGVyY2VudGFnZUNvbXBsZXRlU3R5bGVcIjp7XCIkaWRcIjpcIjQyNVwiLFwiRm9udFNldHRpbmdzXCI6e1wiJGlkXCI6XCI0MjZcIixcIkZvbnRTaXplXCI6MTAsXCJGb250TmFtZVwiOlwiQ2FsaWJyaVwiLFwiSXNCb2xkXCI6ZmFsc2UsXCJJc0l0YWxpY1wiOmZhbHNlLFwiSXNVbmRlcmxpbmVkXCI6ZmFsc2V9LFwiQXV0b1NpemVcIjowLFwiRm9yZWdyb3VuZFwiOntcIiRpZFwiOlwiNDI3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cmVmXCI6XCIxNTZcIn0sXCJJc1Zpc2libGVcIjp0cnVlLFwiV2lkdGhcIjowLjAsXCJIZWlnaHRcIjowLjAsXCJCb3JkZXJTdHlsZVwiOntcIiRpZFwiOlwiNDU5XCIsXCJMaW5lQ29sb3JcIjpudWxsLFwiTGluZVdlaWdodFwiOjAuMCxcIkxpbmVUeXBlXCI6MH19LFwiRGF0ZUZvcm1hdFwiOntcIiRpZFwiOlwiNDY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2MVwiLFwiU2hhcGVcIjoyLFwiU2hhcGVUaGlja25lc3NcIjoxLFwiRHVyYXRpb25Gb3JtYXRcIjowLFwiUGVyY2VudGFnZUNvbXBsZ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k0XCIsXCJUb3BcIjowLjAsXCJMZWZ0XCI6MC4wLFwiUmlnaHRcIjowLjAsXCJCb3R0b21cIjowLjB9LFwiUGFkZGluZ1wiOntcIiRpZFwiOlwiNDk1XCIsXCJUb3BcIjowLjAsXCJMZWZ0XCI6MC4wLFwiUmlnaHRcIjowLjAsXCJCb3R0b21cIjowLjB9LFwiQmFja2dyb3VuZFwiOntcIiRyZWZcIjpcIjE1NlwifSxcIklzVmlzaWJsZVwiOnRydWUsXCJXaWR0aFwiOjAuMCxcIkhlaWdodFwiOjAuMCxcIkJvcmRlclN0eWxlXCI6e1wiJGlkXCI6XCI0OTZcIixcIkxpbmVDb2xvclwiOm51bGwsXCJMaW5lV2VpZ2h0XCI6MC4wLFwiTGluZVR5cGVcIjowfX0sXCJEYXRlRm9ybWF0XCI6e1wiJGlkXCI6XCI0O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k4XCIsXCJTaGFwZVwiOjAsXCJTaGFwZVRoaWNrbmVzc1wiOjEsXCJEdXJhdGlvbkZvcm1hdFwiOjAsXCJQZXJjZW50YWdlQ29tcGxldGVTdHlsZVwiOntcIiRpZFwiOlwiNDk5XCIsXCJGb250U2V0dGluZ3NcIjp7XCIkaWRcIjpcIjUwMFwiLFwiRm9udFNpemVcIjoxMCxcIkZvbnROYW1lXCI6XCJDYWxpYnJpXCIsXCJJc0JvbGRcIjpmYWxzZSxcIklzSXRhbGljXCI6ZmFsc2UsXCJJc1VuZGVybGluZWRcIjpmYWxzZX0sXCJBdXRvU2l6ZVwiOjAsXCJGb3JlZ3JvdW5kXCI6e1wiJGlkXCI6XCI1MDF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MzFcIixcIlRvcFwiOjAuMCxcIkxlZnRcIjowLjAsXCJSaWdodFwiOjAuMCxcIkJvdHRvbVwiOjAuMH0sXCJQYWRkaW5nXCI6e1wiJGlkXCI6XCI1MzJcIixcIlRvcFwiOjAuMCxcIkxlZnRcIjowLjAsXCJSaWdodFwiOjAuMCxcIkJvdHRvbVwiOjAuMH0sXCJCYWNrZ3JvdW5kXCI6e1wiJHJlZlwiOlwiMTU2XCJ9LFwiSXNWaXNpYmxlXCI6dHJ1ZSxcIldpZHRoXCI6MC4wLFwiSGVpZ2h0XCI6MC4wLFwiQm9yZGVyU3R5bGVcIjp7XCIkaWRcIjpcIjUzM1wiLFwiTGluZUNvbG9yXCI6bnVsbCxcIkxpbmVXZWlnaHRcIjowLjAsXCJMaW5lVHlwZVwiOjB9fSxcIkRhdGVGb3JtYXRcIjp7XCIkaWRcIjpcIjUz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zVcIixcIlNoYXBlXCI6MyxcIlNoYXBlVGhpY2tuZXNzXCI6MSxcIkR1cmF0aW9uRm9ybWF0XCI6MCxcIlBlcmNlbnRhZ2VDb21wbGV0ZVN0eWxlXCI6e1wiJGlkXCI6XCI1MzZcIixcIkZvbnRTZXR0aW5nc1wiOntcIiRpZFwiOlwiNTM3XCIsXCJGb250U2l6ZVwiOjEwLFwiRm9udE5hbWVcIjpcIkNhbGlicmlcIixcIklzQm9sZFwiOmZhbHNlLFwiSXNJdGFsaWNcIjpmYWxzZSxcIklzVW5kZXJsaW5lZFwiOmZhbHNlfSxcIkF1dG9TaXplXCI6MCxcIkZvcmVncm91bmRcIjp7XCIkaWRcIjpcIjUzO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NjhcIixcIlRvcFwiOjAuMCxcIkxlZnRcIjowLjAsXCJSaWdodFwiOjAuMCxcIkJvdHRvbVwiOjAuMH0sXCJQYWRkaW5nXCI6e1wiJGlkXCI6XCI1NjlcIixcIlRvcFwiOjAuMCxcIkxlZnRcIjowLjAsXCJSaWdodFwiOjAuMCxcIkJvdHRvbVwiOjAuMH0sXCJCYWNrZ3JvdW5kXCI6e1wiJHJlZlwiOlwiMTU2XCJ9LFwiSXNWaXNpYmxlXCI6dHJ1ZSxcIldpZHRoXCI6MC4wLFwiSGVpZ2h0XCI6MC4wLFwiQm9yZGVyU3R5bGVcIjp7XCIkaWRcIjpcIjU3MFwiLFwiTGluZUNvbG9yXCI6bnVsbCxcIkxpbmVXZWlnaHRcIjowLjAsXCJMaW5lVHlwZVwiOjB9fSxcIkRhdGVGb3JtYXRcIjp7XCIkaWRcIjpcIjU3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UzIiwiVXNlVGltZSI6ZmFsc2UsIldvcmtEYXlTdGFydCI6IjAwOjAwOjAwIiwiV29ya0RheUVuZCI6IjIzOjU5OjAwIn0sIkxhc3RVc2VkVGVtcGxhdGVJZCI6Ijk5MGRlMDAyLTY3MTAtNDQyYS05N2QyLThkNDE2Y2M3NjYyYSIsIkZpcnN0V2Vla09mWWVhciI6MCwiUGxhY2VNaWxlc3RvbmVBdFRoZUJlZ2lubmluZ09mVGhlRGF5IjpmYWxzZX0="/>
  <p:tag name="__MASTER" val="__part_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THREEDEFFECTS" val="Gel"/>
  <p:tag name="OTLTIMEBANDAUTODATERANGE" val="True"/>
  <p:tag name="OTLTIMEBANDSTARTDATE" val="2018-01-10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Custom"/>
  <p:tag name="OTLTIMEBANDSCALETYPE" val="Months"/>
  <p:tag name="OTLTIMEBANDENDDATE" val="2022-06-03T23:59:00.0000000Z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Thick"/>
  <p:tag name="OTLSTARTDATE" val="2022-03-21T00:00:00.0000000Z"/>
  <p:tag name="OTLPERCENTAGE" val="90"/>
  <p:tag name="OTLMARKERSHAPE" val="OTL"/>
  <p:tag name="OTLENDDATE" val="2022-04-04T23:59:00.0000000Z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Thick"/>
  <p:tag name="OTLSTARTDATE" val="2022-04-05T00:00:00.0000000Z"/>
  <p:tag name="OTLENDDATE" val="2022-04-27T23:59:00.0000000Z"/>
  <p:tag name="OTLPERCENTAGE" val="50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DATEFORMATUSEUS" val="False"/>
  <p:tag name="OTLSHAPETHICKNESSTYPE" val="Thick"/>
  <p:tag name="OTLSTARTDATE" val="2022-04-28T00:00:00.0000000Z"/>
  <p:tag name="OTLENDDATE" val="2022-05-06T23:59:00.0000000Z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HAPETHICKNESSTYPE" val="Thick"/>
  <p:tag name="OTLSTARTDATE" val="2022-05-09T00:00:00.0000000Z"/>
  <p:tag name="OTLENDDATE" val="2022-06-03T23:59:00.0000000Z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iseño personalizado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10.xml><?xml version="1.0" encoding="utf-8"?>
<a:theme xmlns:a="http://schemas.openxmlformats.org/drawingml/2006/main" name="9_Diseño personalizado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11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12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Diseño personalizado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2_Diseño personalizado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3_Diseño personalizado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7_Diseño personalizado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4_Diseño personalizado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5_Diseño personalizado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8.xml><?xml version="1.0" encoding="utf-8"?>
<a:theme xmlns:a="http://schemas.openxmlformats.org/drawingml/2006/main" name="6_Diseño personalizado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9.xml><?xml version="1.0" encoding="utf-8"?>
<a:theme xmlns:a="http://schemas.openxmlformats.org/drawingml/2006/main" name="8_Diseño personalizado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5DC645414F0C254B806BA0C239AF9E95" ma:contentTypeVersion="7" ma:contentTypeDescription="Crear nuevo documento." ma:contentTypeScope="" ma:versionID="67deeef83d5a4d579b2fbbec4f34ce31">
  <xsd:schema xmlns:xsd="http://www.w3.org/2001/XMLSchema" xmlns:xs="http://www.w3.org/2001/XMLSchema" xmlns:p="http://schemas.microsoft.com/office/2006/metadata/properties" xmlns:ns2="0864b1b2-f134-449a-a923-146c9f837a8c" xmlns:ns3="7dbf65d2-08f6-4f6d-98ec-ddbc15bda8ee" targetNamespace="http://schemas.microsoft.com/office/2006/metadata/properties" ma:root="true" ma:fieldsID="5da28c2390bb738cac910c9d50b3b3bd" ns2:_="" ns3:_="">
    <xsd:import namespace="0864b1b2-f134-449a-a923-146c9f837a8c"/>
    <xsd:import namespace="7dbf65d2-08f6-4f6d-98ec-ddbc15bda8ee"/>
    <xsd:element name="properties">
      <xsd:complexType>
        <xsd:sequence>
          <xsd:element name="documentManagement">
            <xsd:complexType>
              <xsd:all>
                <xsd:element ref="ns2:DocMetadataText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2:SharedWithUsers" minOccurs="0"/>
                <xsd:element ref="ns2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864b1b2-f134-449a-a923-146c9f837a8c" elementFormDefault="qualified">
    <xsd:import namespace="http://schemas.microsoft.com/office/2006/documentManagement/types"/>
    <xsd:import namespace="http://schemas.microsoft.com/office/infopath/2007/PartnerControls"/>
    <xsd:element name="DocMetadataText" ma:index="8" nillable="true" ma:displayName="DocMetadataText" ma:description="Texto metadatos para documetos" ma:internalName="DocMetadataText">
      <xsd:simpleType>
        <xsd:restriction base="dms:Note">
          <xsd:maxLength value="255"/>
        </xsd:restriction>
      </xsd:simpleType>
    </xsd:element>
    <xsd:element name="SharedWithUsers" ma:index="12" nillable="true" ma:displayName="Compartido con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Detalles de uso compartido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dbf65d2-08f6-4f6d-98ec-ddbc15bda8e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9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0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1" nillable="true" ma:displayName="MediaServiceDateTaken" ma:hidden="true" ma:internalName="MediaServiceDateTaken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5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DocMetadataText xmlns="0864b1b2-f134-449a-a923-146c9f837a8c" xsi:nil="true"/>
  </documentManagement>
</p:properties>
</file>

<file path=customXml/itemProps1.xml><?xml version="1.0" encoding="utf-8"?>
<ds:datastoreItem xmlns:ds="http://schemas.openxmlformats.org/officeDocument/2006/customXml" ds:itemID="{1B62D52F-15CB-4698-A83D-39E40163884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864b1b2-f134-449a-a923-146c9f837a8c"/>
    <ds:schemaRef ds:uri="7dbf65d2-08f6-4f6d-98ec-ddbc15bda8e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ECE363A8-7B36-44C2-8F14-988D88EBDEF1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C259D9CB-9134-48D1-974E-BDF62DD4A869}">
  <ds:schemaRefs>
    <ds:schemaRef ds:uri="http://purl.org/dc/dcmitype/"/>
    <ds:schemaRef ds:uri="http://schemas.microsoft.com/office/2006/documentManagement/types"/>
    <ds:schemaRef ds:uri="http://schemas.openxmlformats.org/package/2006/metadata/core-properties"/>
    <ds:schemaRef ds:uri="http://www.w3.org/XML/1998/namespace"/>
    <ds:schemaRef ds:uri="http://schemas.microsoft.com/office/infopath/2007/PartnerControls"/>
    <ds:schemaRef ds:uri="http://schemas.microsoft.com/office/2006/metadata/properties"/>
    <ds:schemaRef ds:uri="http://purl.org/dc/elements/1.1/"/>
    <ds:schemaRef ds:uri="7dbf65d2-08f6-4f6d-98ec-ddbc15bda8ee"/>
    <ds:schemaRef ds:uri="0864b1b2-f134-449a-a923-146c9f837a8c"/>
    <ds:schemaRef ds:uri="http://purl.org/dc/terms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7627</TotalTime>
  <Words>1966</Words>
  <Application>Microsoft Office PowerPoint</Application>
  <PresentationFormat>Personalizado</PresentationFormat>
  <Paragraphs>646</Paragraphs>
  <Slides>18</Slides>
  <Notes>1</Notes>
  <HiddenSlides>1</HiddenSlides>
  <MMClips>0</MMClips>
  <ScaleCrop>false</ScaleCrop>
  <HeadingPairs>
    <vt:vector size="6" baseType="variant">
      <vt:variant>
        <vt:lpstr>Fuentes usadas</vt:lpstr>
      </vt:variant>
      <vt:variant>
        <vt:i4>8</vt:i4>
      </vt:variant>
      <vt:variant>
        <vt:lpstr>Tema</vt:lpstr>
      </vt:variant>
      <vt:variant>
        <vt:i4>10</vt:i4>
      </vt:variant>
      <vt:variant>
        <vt:lpstr>Títulos de diapositiva</vt:lpstr>
      </vt:variant>
      <vt:variant>
        <vt:i4>18</vt:i4>
      </vt:variant>
    </vt:vector>
  </HeadingPairs>
  <TitlesOfParts>
    <vt:vector size="36" baseType="lpstr">
      <vt:lpstr>Arial</vt:lpstr>
      <vt:lpstr>Calibri</vt:lpstr>
      <vt:lpstr>Calibri (Cuerpo)</vt:lpstr>
      <vt:lpstr>Calibri Light</vt:lpstr>
      <vt:lpstr>Helvetica</vt:lpstr>
      <vt:lpstr>Montserrat Light</vt:lpstr>
      <vt:lpstr>Open Sans</vt:lpstr>
      <vt:lpstr>Open Sans Semibold</vt:lpstr>
      <vt:lpstr>Diseño personalizado</vt:lpstr>
      <vt:lpstr>1_Diseño personalizado</vt:lpstr>
      <vt:lpstr>2_Diseño personalizado</vt:lpstr>
      <vt:lpstr>3_Diseño personalizado</vt:lpstr>
      <vt:lpstr>7_Diseño personalizado</vt:lpstr>
      <vt:lpstr>4_Diseño personalizado</vt:lpstr>
      <vt:lpstr>5_Diseño personalizado</vt:lpstr>
      <vt:lpstr>6_Diseño personalizado</vt:lpstr>
      <vt:lpstr>8_Diseño personalizado</vt:lpstr>
      <vt:lpstr>9_Diseño personalizado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Judit Lacueva</dc:creator>
  <cp:lastModifiedBy>Jose Arturo</cp:lastModifiedBy>
  <cp:revision>309</cp:revision>
  <dcterms:created xsi:type="dcterms:W3CDTF">2020-06-09T07:50:14Z</dcterms:created>
  <dcterms:modified xsi:type="dcterms:W3CDTF">2022-04-13T16:41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5DC645414F0C254B806BA0C239AF9E95</vt:lpwstr>
  </property>
</Properties>
</file>